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802\group\03_企画G\13_部活動の地域移行\05_広域的な人材バンク（かながわ地域クラブ活動指導者データベース）\00_★データ管理\02_公開用データ\01_HP公開用\00_登録者一覧(運動・文化Excel)\14_20251017起案\"/>
    </mc:Choice>
  </mc:AlternateContent>
  <bookViews>
    <workbookView xWindow="0" yWindow="0" windowWidth="23040" windowHeight="8304"/>
  </bookViews>
  <sheets>
    <sheet name="運動系" sheetId="1" r:id="rId1"/>
    <sheet name="文化系" sheetId="2" r:id="rId2"/>
  </sheets>
  <definedNames>
    <definedName name="_xlnm._FilterDatabase" localSheetId="0" hidden="1">運動系!$C$4:$N$349</definedName>
    <definedName name="_xlnm._FilterDatabase" localSheetId="1" hidden="1">文化系!$C$4:$N$28</definedName>
    <definedName name="_xlnm.Print_Area" localSheetId="0">運動系!$A$1:$N$355</definedName>
    <definedName name="_xlnm.Print_Area" localSheetId="1">文化系!$A$1:$N$46</definedName>
    <definedName name="_xlnm.Print_Titles" localSheetId="0">運動系!$2:$4</definedName>
    <definedName name="_xlnm.Print_Titles" localSheetId="1">文化系!$2:$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100" uniqueCount="1529">
  <si>
    <t>男性</t>
  </si>
  <si>
    <t>20代</t>
  </si>
  <si>
    <t>軟式野球／ソフトボール</t>
  </si>
  <si>
    <t>大和市／海老名市／座間市／綾瀬市</t>
  </si>
  <si>
    <t/>
  </si>
  <si>
    <t>有</t>
  </si>
  <si>
    <t>サッカー</t>
  </si>
  <si>
    <t>横浜市（全域）</t>
  </si>
  <si>
    <t>JFA公認指導者C級ライセンス</t>
  </si>
  <si>
    <t>0455436513</t>
  </si>
  <si>
    <t>mamedofc.office@gmail.com</t>
  </si>
  <si>
    <t>30代</t>
  </si>
  <si>
    <t>横須賀市</t>
  </si>
  <si>
    <t>日本サッカー協会公認C級コーチ</t>
  </si>
  <si>
    <t>08054652020</t>
  </si>
  <si>
    <t>yokosuka.jr.fc@gmail.com</t>
  </si>
  <si>
    <t>40代</t>
  </si>
  <si>
    <t>バドミントン</t>
  </si>
  <si>
    <t>平塚市／小田原市／秦野市／厚木市／伊勢原市／南足柄市／大磯町／二宮町／中井町／大井町／松田町／山北町／開成町</t>
  </si>
  <si>
    <t>横浜市（全域）／川崎市（全域）</t>
  </si>
  <si>
    <t>日本サッカー協会公認B級コーチ</t>
  </si>
  <si>
    <t>活動曜日・時間・条件（報酬等）は相談後、調整させて頂けたらと思います。</t>
  </si>
  <si>
    <t>syungooooal-14@ezweb.ne.jp</t>
  </si>
  <si>
    <t>大磯町</t>
  </si>
  <si>
    <t>09061892895</t>
  </si>
  <si>
    <t>mrtta.stoneriver@gmail.com</t>
  </si>
  <si>
    <t>横浜市(青葉区)／相模原市(南区、中央区)</t>
  </si>
  <si>
    <t>日本バドミントン協会3級公認審判員資格 / 公益財団法人日本バドミントン協会</t>
  </si>
  <si>
    <t>h.kensuke0314@gmail.com</t>
  </si>
  <si>
    <t>60代</t>
  </si>
  <si>
    <t>横浜市（全域）／横須賀市／逗子市／葉山町</t>
  </si>
  <si>
    <t>09026244493</t>
  </si>
  <si>
    <t>marusan.k610213@gmail.com</t>
  </si>
  <si>
    <t>50代</t>
  </si>
  <si>
    <t>鎌倉市／藤沢市／茅ヶ崎市</t>
  </si>
  <si>
    <t>JFA公認C級指導者ライセンス</t>
  </si>
  <si>
    <t>空手</t>
  </si>
  <si>
    <t>横浜市(泉区周辺)／相模原市(市南部)／座間市</t>
  </si>
  <si>
    <t>JSPO空手道コーチ２</t>
  </si>
  <si>
    <t>jikishinjuku.yuasa@gmail.com</t>
  </si>
  <si>
    <t>サッカー／その他(フットサル)</t>
  </si>
  <si>
    <t>横浜市（全域）／川崎市（全域）／相模原市（全域）／藤沢市／大和市</t>
  </si>
  <si>
    <t>川崎市の高校で約10年、サッカー部のコーチとして活動。</t>
  </si>
  <si>
    <t>kiminoirutokorotokiminouta@hotmail.com</t>
  </si>
  <si>
    <t>バレーボール</t>
  </si>
  <si>
    <t>横浜市(出来れば北部)／川崎市(出来れば南部)</t>
  </si>
  <si>
    <t>09018006847</t>
  </si>
  <si>
    <t>setter-ht@youing.co.jp</t>
  </si>
  <si>
    <t>横浜市(磯子区)</t>
  </si>
  <si>
    <t>mmorishi@nifty.com</t>
  </si>
  <si>
    <t>横浜市（全域）／藤沢市／小田原市／茅ヶ崎市</t>
  </si>
  <si>
    <t>その他(少林寺拳法)</t>
  </si>
  <si>
    <t>横浜市(泉区、旭区、瀬谷区、戸塚区)</t>
  </si>
  <si>
    <t>2021年2月1日　～　横浜緑園西スポーツ少年団で指導　現在も継続指導中</t>
  </si>
  <si>
    <t>07084427609</t>
  </si>
  <si>
    <t>mup.yasu@kxf.biglobe.ne.jp</t>
  </si>
  <si>
    <t>横浜市(中区、西区、南区、保土ヶ谷区)</t>
  </si>
  <si>
    <t>msuetsugu@yb3.so-net.ne.jp</t>
  </si>
  <si>
    <t>yh2yamaguchi@gmail.com</t>
  </si>
  <si>
    <t>横浜市(泉区　戸塚区)／藤沢市</t>
  </si>
  <si>
    <t>平日15：30に勤務終了となるときもあるので平日及び土日が指導可能となります</t>
  </si>
  <si>
    <t>masaki03tamura@ybb.ne.jp</t>
  </si>
  <si>
    <t>無</t>
  </si>
  <si>
    <t>08050269603</t>
  </si>
  <si>
    <t>yattakeshi7337@icloud.com</t>
  </si>
  <si>
    <t>バスケットボール</t>
  </si>
  <si>
    <t>横浜市(青葉区、都筑区)／川崎市（全域）</t>
  </si>
  <si>
    <t>日本バスケットボール協会公認ｃ級コーチ</t>
  </si>
  <si>
    <t>１９８５年～現在に至るまで、川崎市の大学女子バスケットボール部で指導。</t>
  </si>
  <si>
    <t>軟式野球</t>
  </si>
  <si>
    <t>川崎市(幸区)</t>
  </si>
  <si>
    <t>JSPO軟式野球公認コーチ1</t>
  </si>
  <si>
    <t>bonesetter_kikuchi@yahoo.co.jp</t>
  </si>
  <si>
    <t>アーチェリー</t>
  </si>
  <si>
    <t>横浜市（全域）／川崎市（全域）／相模原市（全域）／横須賀市／平塚市／鎌倉市／藤沢市／小田原市／茅ヶ崎市／逗子市／三浦市／秦野市／厚木市／大和市／伊勢原市／海老名市／座間市／南足柄市／綾瀬市／葉山町／寒川町／大磯町／二宮町／中井町／大井町／松田町／山北町／開成町／箱根町／真鶴町／湯河原町／愛川町／清川村</t>
  </si>
  <si>
    <t>2014年～ジュニアアーチェリー教室コーチ</t>
  </si>
  <si>
    <t>gmhvk93719@yahoo.co.jp</t>
  </si>
  <si>
    <t>硬式テニス</t>
  </si>
  <si>
    <t>横浜市（全域）／川崎市（全域）／相模原市（全域）／横須賀市／鎌倉市／藤沢市／逗子市／葉山町</t>
  </si>
  <si>
    <t>JSPO（硬式テニス）コーチ２</t>
  </si>
  <si>
    <t>hitoshi21be@gmail.com</t>
  </si>
  <si>
    <t>平塚市／秦野市／厚木市／伊勢原市／海老名市／愛川町</t>
  </si>
  <si>
    <t>2005年から現在　神奈川県厚木市4種LingFC依知、厚木市トレセン、神奈川県トレセンで指導</t>
  </si>
  <si>
    <t>08050872062</t>
  </si>
  <si>
    <t>oookiakira@yahoo.co.jp</t>
  </si>
  <si>
    <t>軟式野球／硬式野球</t>
  </si>
  <si>
    <t>横浜市(戸塚区、栄区、泉区)／鎌倉市／藤沢市／茅ヶ崎市／綾瀬市／寒川町</t>
  </si>
  <si>
    <t>09035026447</t>
  </si>
  <si>
    <t>tb1.9597.41.1930@gmail.com</t>
  </si>
  <si>
    <t>水泳競技</t>
  </si>
  <si>
    <t>横浜市（全域）／川崎市（全域）／横須賀市／平塚市／鎌倉市／藤沢市</t>
  </si>
  <si>
    <t>「部活動の地域移行」は【１】子供たちへの専門的な指導と子供たちのパフォーマンス向上【２】教職員の負担軽減の大きく二つが導入理由と考えています。しかし指導者不足の中、一つの学校に専門的な指導者が常駐するのは神奈川県全体の解決には砂がらないのではないかと思い、広くできるだけ多くの子どもたちに携わることができればと思っています。そうすると【２】の解決には現段階では繋がりませんが、新しい部活動のカタチを考えていく中で【２】もクリアできるような組織づくりをしていきたいと思います。</t>
  </si>
  <si>
    <t>09061426488</t>
  </si>
  <si>
    <t>tic106497@yahoo.co.jp</t>
  </si>
  <si>
    <t>柔道</t>
  </si>
  <si>
    <t>横浜市（全域）／海老名市</t>
  </si>
  <si>
    <t>08067630249</t>
  </si>
  <si>
    <t>yrf3papa@gmail.com</t>
  </si>
  <si>
    <t>08021300650</t>
  </si>
  <si>
    <t>横浜市(戸塚区、南区、港南区、栄区、泉区、瀬谷区、旭区、保土ヶ谷区、西区、中区、磯子区)／鎌倉市／藤沢市／茅ヶ崎市</t>
  </si>
  <si>
    <t>平成２７年４月～令和６年２月（継続中）　神奈川県立高校でバスケットボール部の部活動インストラクター</t>
  </si>
  <si>
    <t>高校、大学、社会人とバスケットボールを続けました。それなりのレベルを経験できたので、その経験を活かしたいと思います。</t>
  </si>
  <si>
    <t>sr_2312@yahoo.co.jp</t>
  </si>
  <si>
    <t>川崎市(川崎区)</t>
  </si>
  <si>
    <t>hatamoto1038@outlook.jp</t>
  </si>
  <si>
    <t>その他(ボウリング)</t>
  </si>
  <si>
    <t>藤沢市／大和市／伊勢原市</t>
  </si>
  <si>
    <t>平成27年４月１日～令和５年３月31日　神奈川県立海洋科学高等学校で硬式野球部の指導（顧問）</t>
  </si>
  <si>
    <t>横浜市（全域）／厚木市／大和市／海老名市／座間市／綾瀬市</t>
  </si>
  <si>
    <t>kazuya.yokota07110906@outlook.jp</t>
  </si>
  <si>
    <t>横浜市(青葉区)</t>
  </si>
  <si>
    <t>日本スポーツ協会公認スタートコーチ</t>
  </si>
  <si>
    <t>kimik17r@gmail.com</t>
  </si>
  <si>
    <t>指導者No.</t>
    <rPh sb="0" eb="3">
      <t>シドウシャ</t>
    </rPh>
    <phoneticPr fontId="1"/>
  </si>
  <si>
    <t>性別</t>
    <rPh sb="0" eb="2">
      <t>セイベツ</t>
    </rPh>
    <phoneticPr fontId="1"/>
  </si>
  <si>
    <t>年代
(登録申請時)</t>
    <rPh sb="0" eb="2">
      <t>ネンダイ</t>
    </rPh>
    <rPh sb="4" eb="6">
      <t>トウロク</t>
    </rPh>
    <rPh sb="6" eb="8">
      <t>シンセイ</t>
    </rPh>
    <rPh sb="8" eb="9">
      <t>ジ</t>
    </rPh>
    <phoneticPr fontId="1"/>
  </si>
  <si>
    <t>指導可能な競技等</t>
    <rPh sb="0" eb="2">
      <t>シドウ</t>
    </rPh>
    <rPh sb="2" eb="4">
      <t>カノウ</t>
    </rPh>
    <rPh sb="5" eb="8">
      <t>キョウギナド</t>
    </rPh>
    <phoneticPr fontId="1"/>
  </si>
  <si>
    <t>指導可能な市町村</t>
    <rPh sb="0" eb="2">
      <t>シドウ</t>
    </rPh>
    <rPh sb="2" eb="4">
      <t>カノウ</t>
    </rPh>
    <rPh sb="5" eb="8">
      <t>シチョウソン</t>
    </rPh>
    <phoneticPr fontId="1"/>
  </si>
  <si>
    <t>保有している指導者資格</t>
    <rPh sb="0" eb="2">
      <t>ホユウ</t>
    </rPh>
    <rPh sb="6" eb="9">
      <t>シドウシャ</t>
    </rPh>
    <rPh sb="9" eb="11">
      <t>シカク</t>
    </rPh>
    <phoneticPr fontId="1"/>
  </si>
  <si>
    <t>指導・活動歴</t>
    <rPh sb="0" eb="2">
      <t>シドウ</t>
    </rPh>
    <rPh sb="3" eb="5">
      <t>カツドウ</t>
    </rPh>
    <rPh sb="5" eb="6">
      <t>レキ</t>
    </rPh>
    <phoneticPr fontId="1"/>
  </si>
  <si>
    <t>学校部活動の指導者（部活動指導員、外部指導者）としての活動希望の有無</t>
    <rPh sb="32" eb="34">
      <t>ウム</t>
    </rPh>
    <phoneticPr fontId="1"/>
  </si>
  <si>
    <t>その他（特記事項、自己PR等）</t>
    <rPh sb="2" eb="3">
      <t>タ</t>
    </rPh>
    <rPh sb="4" eb="8">
      <t>トッキジコウ</t>
    </rPh>
    <rPh sb="9" eb="11">
      <t>ジコ</t>
    </rPh>
    <rPh sb="13" eb="14">
      <t>ナド</t>
    </rPh>
    <phoneticPr fontId="1"/>
  </si>
  <si>
    <t>連絡先（電話番号）</t>
    <rPh sb="0" eb="3">
      <t>レンラクサキ</t>
    </rPh>
    <rPh sb="4" eb="6">
      <t>デンワ</t>
    </rPh>
    <rPh sb="6" eb="8">
      <t>バンゴウ</t>
    </rPh>
    <phoneticPr fontId="1"/>
  </si>
  <si>
    <t>連絡先（メールアドレス）</t>
    <rPh sb="0" eb="3">
      <t>レンラクサキ</t>
    </rPh>
    <phoneticPr fontId="1"/>
  </si>
  <si>
    <t>かながわ地域クラブ活動指導者データベース　登録者一覧(運動系)</t>
    <phoneticPr fontId="1"/>
  </si>
  <si>
    <t>かながわ地域クラブ活動指導者データベース　登録者一覧(文化系)</t>
    <rPh sb="27" eb="29">
      <t>ブンカ</t>
    </rPh>
    <phoneticPr fontId="1"/>
  </si>
  <si>
    <t>女性</t>
  </si>
  <si>
    <t>吹奏楽／その他(書道)</t>
  </si>
  <si>
    <t>横浜市(金沢区)／横須賀市</t>
  </si>
  <si>
    <t>吹奏楽</t>
  </si>
  <si>
    <t>横浜市（全域）／横須賀市／鎌倉市／藤沢市／茅ヶ崎市／逗子市</t>
  </si>
  <si>
    <t>octbass@gmail.com</t>
  </si>
  <si>
    <t>演劇</t>
  </si>
  <si>
    <t>横浜市（全域）／川崎市（全域）／相模原市（全域）／平塚市／鎌倉市／藤沢市／小田原市／茅ヶ崎市／秦野市／厚木市／大和市／伊勢原市／海老名市／座間市／綾瀬市／寒川町／大磯町／二宮町／松田町／開成町</t>
  </si>
  <si>
    <t>一般社団法人日本グローバル演劇教育協会認定グローバルドラマファシリテーター（１級指導者資格、２０２１年３月取得）</t>
  </si>
  <si>
    <t>ボランティアで訪問している学校も含めると、毎年１０校程度の演劇部で指導を行っています。また２０２２年度よりＮＰＯ日本学校演劇教育会かながわ支部として、中高生地域演劇交流会という講座、演劇指導者の情報共有、指導研究のためのコミュニティを運営しています。ご相談ください。</t>
  </si>
  <si>
    <t>横浜市(指導可能な場所は、神奈川県立高等学校会計年度任用職員（非常勤）にも登録しているため、勤務校の勤務時間・場所による。本登録現在は、JR根岸線沿線の県立高等学校に勤務。)</t>
  </si>
  <si>
    <t>kuza-kimi@outlook.jp</t>
  </si>
  <si>
    <t>09053416817</t>
  </si>
  <si>
    <t>souzouengi@live.jp</t>
  </si>
  <si>
    <t>令和１年から令和６年　NPO大豆戸フットボールクラブにて幼児から社会人まで指導</t>
    <phoneticPr fontId="1"/>
  </si>
  <si>
    <t>令和4年3月～現在　横須賀ジュニアFCで指導</t>
    <phoneticPr fontId="1"/>
  </si>
  <si>
    <t>JSPO  バレーボール　コーチ1</t>
    <phoneticPr fontId="1"/>
  </si>
  <si>
    <t>平成24年６月から平成25年３月まで
綾瀬市内少年野球クラブで指導</t>
    <phoneticPr fontId="1"/>
  </si>
  <si>
    <t xml:space="preserve">・中学校教員免許保持
・競技歴
小学校、中学校、高校、社会人野球(クラブチーム)
・指導歴
綾瀬市内少年野球クラブで指導歴あり
</t>
    <phoneticPr fontId="1"/>
  </si>
  <si>
    <t>私は横須賀市大津町在住で、普段は仕事をしながら横須賀ジュニアFCというジュニアユースチームの活動に携わっています。(横須賀ジュニアFCホームページ　https://www.yokosukajr.org/)
土日祝日のグラウンドでの活動の他、毎週火曜夜に中学校体育館練習、月に数回木曜夜にコミュニティーセンター体育室でのトレーニングや会議室でのワークショップを実施しています。
ですが近年、横須賀ジュニアFCは選手の人数が揃わず、少人数での活動が続いています。
広いグラウンドで5～6人でのトレーニングや、平日は塾の時間が重なると2～3人での練習になることも珍しくありません。
昨年夏休みには、近隣中学校サッカー部のみなさまのご厚意で合同練習試合を実施いただきました。私共にとってはとても楽しく、貴重な体験となりました。
今後も中学校サッカー部のみなさまと一緒に活動ができたら、心より嬉しいです。
もし必要があればですが、勤務条件(報酬等)が合えば、現在の仕事の働き方を調整し、平日の部活動の時間もお引き受け可能です。
※その際、横須賀ジュニアFCの選手の参加も許可いただけますと幸いです(夜間は塾と重なってしまう選手にとっては嬉しい限りです)
何卒よろしくお願いいたします。</t>
    <phoneticPr fontId="1"/>
  </si>
  <si>
    <t>ジュニアバドミントンクラブで２年間
中学校・高校バドミントン部で計４年間</t>
    <phoneticPr fontId="1"/>
  </si>
  <si>
    <t>土日祝日の他、活動場所によっては平日夜間も指導可能です。
必要があれば、大会、練習試合、合同練習等の引率を行います。
クラブ代表者様や部活動顧問の先生と方針等をよく打ち合わせた上で指導を行いたいと考えています。</t>
    <phoneticPr fontId="1"/>
  </si>
  <si>
    <t>2012年4月ー現在
黒滝サッカークラブで指導。
2017年5月ー2021年3月
NPO Y.S.C.C.で指導。</t>
    <phoneticPr fontId="1"/>
  </si>
  <si>
    <t>有</t>
    <phoneticPr fontId="1"/>
  </si>
  <si>
    <t>日本サッカー協会公認C級ライセンス
日本サッカー協会公認B級ライセンス
令和6年3月取得予定</t>
    <phoneticPr fontId="1"/>
  </si>
  <si>
    <t>2012年~2024年　大磯町サッカースポーツ少年団で指導
1982年~1988年　平塚市松延少年SC
1988年~1991年　平塚市立金旭中学校サッカー部
1991年~1994年　神奈川県立大原高校サッカー部
1995年~2010年　平塚市社会人リーグ
2004年~2011年　神奈川県3部リーグ　平塚市役所サッカー部</t>
    <phoneticPr fontId="1"/>
  </si>
  <si>
    <t>7歳よりサッカーに携わり、選手、指導者を経験してきました。
中郡サッカー協会にて少年委員を9年、協会長を2年務めさせていただきました。
現在までの4年間、4種中郡トレセン部会長として活動させていただいています。
地域において少年（4種）と中学校（3種）のつながりを密にし、選手、保護者、教員等がより良い環境でサッカー（部活）を行い、地域が活性していく事に貢献していきたいと思います。
活動可能日：週末9時~21時
平日　　　：週1日、夜間19時~21時のみ調整可能
希望条件：特にありませんが活動するうえでの報酬を希望します。</t>
    <phoneticPr fontId="1"/>
  </si>
  <si>
    <t>学校名：東京都立町田総合高校
競技等：バドミントン
指導時期：令和4年1月～
学校名：町田市立小山田中学校
競技等：バドミントン
指導時期：平成20年4月～平成24年3月</t>
    <phoneticPr fontId="1"/>
  </si>
  <si>
    <t>昭和60年～令和3年　郁文館中学校でサッカー部の顧問として部活動指導
東京都中体連サッカー部役員とし10年以上活動</t>
    <phoneticPr fontId="1"/>
  </si>
  <si>
    <t xml:space="preserve">時間講師として勤務しているので、活動可能な曜日・時間帯は土曜日午後、日曜日終日、平日は相談可。
勤務条件は特になく、報酬などは交通費があればと考えている。
日本サッカー協会の公認C級コーチの指導者資格を持っていたが、体調不良のため更新を失効してしまった。
</t>
    <phoneticPr fontId="1"/>
  </si>
  <si>
    <t>平成20年から現在
スポーツ少年団で指導</t>
    <phoneticPr fontId="1"/>
  </si>
  <si>
    <t>これまでの経験をいかし技術の向上とチーム力の強化、意識を高く持つことでサッカーに向ける気持ちの強さと共に仲間を認め合う気持ちを育てます。また戦力の底上げとして多くの選手に責任と向上心を持たせてきました。サッカーの楽しさ、仲間の大切さを伝えるほか育成年代であるため次のステージに繋がる考え方と知識を持たせて送り出したいと考えます。
活動可能日は現在では土日祝日となりますが勤務条件(報酬等)により平日の午後も対応できる可能性があります。</t>
    <phoneticPr fontId="1"/>
  </si>
  <si>
    <t>1997年10月～2021年3月　日本空手道糸洲会座間支部錬心塾で指導補助
2008年11月～現在　和光大学糸洲流空手道部で指導。
2021年3月～現在　日本空手道糸洲会座間支部直心塾で指導。</t>
    <phoneticPr fontId="1"/>
  </si>
  <si>
    <t>特に明記するような条件等はありません。
もしご希望があれば相談しながら作っていきたいと思います。</t>
    <phoneticPr fontId="1"/>
  </si>
  <si>
    <t>監督、コーチ、GKコーチとして活動しておりました。
仕事の都合上、現場を離れておりましたが、知識のアップデートは続けておりました。
転職により時間が作れるようになったので、現場復帰したいと思い登録いたしました。
よろしくお願い致します。
活動可能曜日：土・日・祝日
勤務条件：ご相談の上決めさせていただきます。</t>
    <phoneticPr fontId="1"/>
  </si>
  <si>
    <t xml:space="preserve">平成27年4月～令和6年1月   川崎市立高津高等学校で指導
昭和58年9月～継続中　6人制バレーボールクラブ　SEA WIND　で指導、近年は遊びに来る小中高校生を中心に指導
</t>
    <phoneticPr fontId="1"/>
  </si>
  <si>
    <t>自身は、約５０年間バレーボールに携わっております。近年は、新型コロナなどの影響もあり、子供達の体力低下・不自然な体の動かし方が顕著になっていると感じております。私の希望は、子供達に綺麗なバレーボールを楽しんで欲しいと願っております。そのためには、人が本来持っているものを自然に出すことと考えております。また、バレーボールの競技としては、まだまだ、日本に浸透できていない世界標準のバレーを子供達に教えて行く必要があると思っています。活動希望の時間帯は、土日祝日の昼間が出来れば希望です。その他でもご相談で。</t>
    <phoneticPr fontId="1"/>
  </si>
  <si>
    <t>JSPO空手道コーチ3
全日本空手道連盟錬士五段</t>
    <phoneticPr fontId="1"/>
  </si>
  <si>
    <t>2010年8月より櫻空横浜軽井沢教室にて支部長として指導。
2021年4月より横浜国際プール　こども空手道講師に着任。</t>
    <phoneticPr fontId="1"/>
  </si>
  <si>
    <t xml:space="preserve">ＰＭ１８時以降　水曜，木曜なら可能。
中学・高等学校数学１級免許取得。（技術含む）
準サービス介護士，こども発達障害支援アドバーザー取得。
</t>
    <phoneticPr fontId="1"/>
  </si>
  <si>
    <t>・JSPO（空手道）コーチ４
・全日本空手道連盟剛柔会公認地区指導員</t>
    <phoneticPr fontId="1"/>
  </si>
  <si>
    <t>・2002年9月から2004年3月、沖縄県浦添工業高校　空手道部で指導。
・2004年4月から2005年3月、沖縄県立西原高校　　空手道部で指導。
・2006年4月から2007年3月、沖縄県立与勝高校　空手道部で指導。
・2015年3月から現在、横浜市及び藤沢市内の空手道場で指導中。</t>
    <phoneticPr fontId="1"/>
  </si>
  <si>
    <t>以下は全て空手道の各大会における個人形競技における主な成績です。
・平成8年　全国高校空手道選抜大会　優勝
・平成8年　全校高校総合体育大会　空手道競技　優勝
・1999年　全国大学空手道選手権大会　優勝
・2000年　全国大学空手道選手権大会　優勝
・2000年　第2回世界大学空手道選手県　優勝
・2019年　日本マスターズ岐阜大会　空手道競技　準優勝
・2022年　日本マスターズ岩手大会　空手道競技　優勝
・2023年　日本マスターズ福井大会　空手道競技　優勝
・神奈川県マスターズ選手権大会　５連覇（2019年から2023年）
現在、競技空手道歴約３０年、幼稚園児から高校生、一般までを対象にした空手道指導歴は今年で約23年になります。
公立中学校等における部活動の地域移行に伴い、部活動に 代わって地域で行われる地域クラブ活動に指導者として協力をしたいと考えています。
活動可能な時間帯、その他の条件等につきましては利用者との相談、調整の上決めていきたいと考えています。</t>
    <phoneticPr fontId="1"/>
  </si>
  <si>
    <t>JSPO公認　スタ－トコ－チ
一般財団法人　少林寺拳法連盟　支部長資格
一般財団法人　SHORINJI KENPO UNITY　正拳士　四段</t>
    <phoneticPr fontId="1"/>
  </si>
  <si>
    <t>報酬等はいりませんが、防具や備品が必要なので一人、月2000円程度の部費が必要です。
活動の時間、曜日は相談に応じます。（当方で調整いたします）</t>
    <phoneticPr fontId="1"/>
  </si>
  <si>
    <t>平成25年～　稽古先道場内での小中学生等の指導補助等。
平成28年～　都内港区で空手道同好会運営等。
令和3年～　横浜市転居に伴い、中区内施設等での空手道指導。</t>
    <phoneticPr fontId="1"/>
  </si>
  <si>
    <t>全日本空手道連盟　公認参段
日本空手協会　公認参段
流派：松濤館流
活動希可能日：土曜日、日曜日
※横浜周辺が良いですが他でも応談いたします。</t>
    <phoneticPr fontId="1"/>
  </si>
  <si>
    <t>指導歴
2016年～　三春サッカークラブ(地域少年少女サッカークラブ)
2018年～　横須賀地区トレセン(4種)
2019年～　神奈川県地域トレセン(4種)
競技活動歴
2022年～　KSSL O40 県2部リーグ
2023年～　JFA O40 県1部リーグ</t>
    <phoneticPr fontId="1"/>
  </si>
  <si>
    <t>小・中・高では、部活動で活動し、社会人リーグでも競技経験があります。
地域サッカークラブの指導者として競技指導を開始し、横須賀地区トレセン、神奈川県トレセンのスタッフコーチとしても指導を行っています。
現在は指導者の傍ら、O40のシニアリーグで競技者としても活動しています。
在宅勤務のため、活動可能な曜日・時間帯は応相談ができます。
活動場所へは車、もしくはバイクでの移動となり、横須賀市内であれば、応相談できます。</t>
    <phoneticPr fontId="1"/>
  </si>
  <si>
    <t>JSPO空手道コーチ2
全日本空手道連盟公認6段
全日本空手道連盟関東地区組手審判員
神奈川県空手道連盟A級形審判員</t>
    <phoneticPr fontId="1"/>
  </si>
  <si>
    <t>平成13年から町の空手道場にて指導員
平成28年からを自身で空手道場を設立及び指導
平成19年から1年間、藤沢西高校空手道部外部委託指導員として指導（部員数減の為休部となる）</t>
    <phoneticPr fontId="1"/>
  </si>
  <si>
    <t>スタートコーチ
少林寺拳法　支部長資格</t>
    <phoneticPr fontId="1"/>
  </si>
  <si>
    <t>令和5年2月より少林寺拳法　大道スポーツ少年団で指導。</t>
    <phoneticPr fontId="1"/>
  </si>
  <si>
    <t>水曜日、土曜日18:30から20:00
横浜市立大道小学校　体育館
大人は20:30まで。
よろしくお願い致します。</t>
    <phoneticPr fontId="1"/>
  </si>
  <si>
    <t xml:space="preserve">大学女子バスケットボール部で４０年間にわたり指導してきました。
これまでは大学の強化部としての位置づけのため結果を残すことを目標として取り組んできましたが、今後は今までの指導経験を活かして若い世代の子供たちと一緒にバスケットボールの楽しさを共有できたらと思っております。
＜活動可能な曜日・時間＞
　平日　１５時～２０時
　土日　９時～１８時
　その他　日程が合えば合宿・遠征可能
＜希望勤務条件＞
　車通勤
　中学・高校・大学のいずれかの年代のカテゴリーで女子チームを希望
　学校の単独チームの指導可能
</t>
    <phoneticPr fontId="1"/>
  </si>
  <si>
    <t>水曜日15時以降可
土曜日・日曜日は3時間以内なら可
第三日曜日と祝日不可
月・火・木・金不可</t>
    <phoneticPr fontId="1"/>
  </si>
  <si>
    <t>JSPOアーチェリーコーチ3
ジュニアスポーツ指導員</t>
    <phoneticPr fontId="1"/>
  </si>
  <si>
    <t xml:space="preserve">競技活動実績
　高校、大学、実業団での団体・個人競技参加
　米国駐在時、ミシガン州4.0リーグ優勝
　民間大会：湘南カップ、軽井沢フェスタ、山中湖Cup準優勝
指導実績
　1979年4月～1992年3月：都立田園調布高校にて部活指導
　1979年12月～1984年3月：民間テニススクールにて指導
　1986年4月～：厚木市テニス教室、県央地区テニス教室にて指導
　2005年4月～：横浜市テニス教室にて指導
　2007年5月～：横浜市立 藤の木中学校にて部活指導
</t>
    <phoneticPr fontId="1"/>
  </si>
  <si>
    <t>自己PR
　公認審判員Ｂ級
　　デビスカップ、ジャパンオープン、全日本選手権、日本リーグ等で主審・他を務め、
　　最先端、最新の戦略・技術に接する事で、指導技術をアップデートしている。
　指導者研修
　　関東、県、市の指導者研修会には年に数回参加し、指導技術の更新を図っている。
　部活指導
　　初心者、経験者が混在する中で、各々の能力を発揮出来る工夫と配慮をし、
　　学校側とも密な連携を図り、部活を通し自主性、連帯感を持った場づくりを図る。
活動可能な曜日・時間帯
　　除外日：土曜日 午前、火曜日 午後(大学非常勤講師の為）
　　他は 朝練～夜間対応可能
希望する勤務条件（報酬等）
　　1,750円/時以上、交通費実費</t>
    <phoneticPr fontId="1"/>
  </si>
  <si>
    <t>日本サッカー協会公認A級U-12コーチ
ゴールキーパーレベル1
4級審判員</t>
    <phoneticPr fontId="1"/>
  </si>
  <si>
    <t>JSPO軟式野球コーチ3
BFJ公認野球指導者 基礎I U-15</t>
    <phoneticPr fontId="1"/>
  </si>
  <si>
    <t>学校名：世田谷学園軟式野球部
競技等：軟式野球部（中高一貫）
指導時期：平成29年4月～令和6年3月</t>
    <phoneticPr fontId="1"/>
  </si>
  <si>
    <t xml:space="preserve">体育大学卒業後、横浜YMCAに入職。３年後フリースイミングインストラクターとして独立。現在はパーソナルレッスンや水泳講習会などの企画とマスターズ水泳チーム「とれち横浜」を運営。会計任用職員として横浜市の中学校の水泳部と東京都の高校の水泳部のコーチをさせていただいています。水泳歴３０年、指導歴１１年でございます。
水泳競技ではジュニアオリンピック出場、中高６年間関東大会
ライフセービング競技は全日本選手権大会オーシャンスイムファイナリスト
以下、担当する学校でございます。
（１）
六浦中学校
水泳部
2021年９月～現在
（２）
飯島中学校
水泳部
2022年9月～現在
（３）
岩崎中学校
水泳部
2023年11月～現在
（４）
東京都立蒲田高校
水泳部
2022年３月～現在
</t>
    <phoneticPr fontId="1"/>
  </si>
  <si>
    <t>日本サッカー協会公認A級ジェネラルコーチ
日本サッカー協会C級，D級コーチエディケーションチューター
第1種中学校教諭教員免許状（保健体育科，社会科）
第1種高等学校教諭教員免許状（保健体育科，公民科）
日本スキー連盟公認スノーボード指導員
日本スキー連盟スノーボードB級検定員</t>
    <phoneticPr fontId="1"/>
  </si>
  <si>
    <t>自己PR：
教員免許を保有し，サッカーのコーチ資格も使用しております．また1999年よりサッカーのコーチングをしており，6歳から22歳までを対象にした経験があります．教育活動の一環として，スポーツのコーチングを考え，より効率的で合理的なトレーニングを考案し，コーチングを実施してきました．この経験を地元の子達に還元したいと考え，登録をいたしました．
活動可能な曜日・時間帯：金，土，日・各日2時間くらい（時間帯は問いません）
希望する勤務条件：報酬基本1回2時間として，3,000円から5,000円を希望します．追加時間については，30分単位の追加で報酬基本の4分の1の報酬を追加時間に応じて追加報酬を希望します．別途，交通費の実費の支給を希望します．</t>
    <phoneticPr fontId="1"/>
  </si>
  <si>
    <t>全日本柔道連盟B級指導員
スペシャルオリンピックス日本認定コーチ</t>
    <phoneticPr fontId="1"/>
  </si>
  <si>
    <t xml:space="preserve">★指導歴
地域クラブ：海老名市柔道協会
指導部長、事務局、会長等の役割で指導を実施
指導時期：1989年7月～現在
学校名：海老名市立今泉中学校
地域指導者として、柔道部を指導、個人、団体で県大会出場
指導時期：2004年4月～2011年7月
★選手歴
横浜市立桜丘高校柔道部
金沢大学柔道部
</t>
    <phoneticPr fontId="1"/>
  </si>
  <si>
    <t>日本バスケットボール協会公認コーチ　C級
日本スポーツ協会公認スポーツリーダー
日本パラスポーツ協会初級スポーツ指導者</t>
    <phoneticPr fontId="1"/>
  </si>
  <si>
    <t xml:space="preserve">JFA公認B級コーチ
日本サッカー協会
</t>
    <phoneticPr fontId="1"/>
  </si>
  <si>
    <t>2008年から現在まで
東門前ファイターズで指導</t>
    <phoneticPr fontId="1"/>
  </si>
  <si>
    <t xml:space="preserve">JSPO　ボウリングコーチ１
</t>
    <phoneticPr fontId="1"/>
  </si>
  <si>
    <t xml:space="preserve">平成20年～　桜ヶ丘ボウリングセンタージュニアクラブにて指導
平成24年～　江の島ボウリングセンタージュニアクラブにて指導
　　　　　　伊勢原ボウリングセンタージュニアクラブにて指導
平成24年～　江の島ボウリングクラブスポーツ少年団にて指導
</t>
    <phoneticPr fontId="1"/>
  </si>
  <si>
    <t xml:space="preserve">現職の教諭です。
現在、鎌倉市のNPO相談窓口にも、関連NPOを立ち上げられないか、相談中です。
今の仕事を続けながら、何かお役に立つことがあれば、幸いと存じます。
特に、中学校の軟式野球の指導に関心が深く、シニアやボーイズ等の硬式野球クラブ出身選手に負けない選手を多く育成したいと考えております。情熱、あります。
お気軽に、ご相談頂けましたら幸いです。
　　　　　　　　　　　　　　　　　　　　　　　　　　　　　　　　　　　　　　　　　　　　　　　　　　　小野
</t>
    <phoneticPr fontId="1"/>
  </si>
  <si>
    <t>・JSPO（軟式野球）コーチ1　講習及び実技終了済
・BFJ公認野球指導者（U-12）</t>
    <phoneticPr fontId="1"/>
  </si>
  <si>
    <t>・平成21年～令和4年　藤沢市の少年野球チームにて約13年 指導。
　監督、コーチなどを経験し、現在も常勤ではなくコーチとして活動中。</t>
    <phoneticPr fontId="1"/>
  </si>
  <si>
    <t xml:space="preserve">・平日は会社員の為要相談になります。
・少年野球の指導歴：　13年
・活動可能な曜日　：　土日・祝日
・時間帯、報酬等の希望はございません。
</t>
    <phoneticPr fontId="1"/>
  </si>
  <si>
    <t>令和５年から現在　少林寺拳法 横浜あざみ野スポーツ少年団で指導
２００８年より横浜都筑道院にて少林寺拳法の修練実施、現在は五段</t>
    <phoneticPr fontId="1"/>
  </si>
  <si>
    <t>毎週水曜と日曜の夜、少林寺拳法 横浜あざみ野スポーツ少年団として活動しています。
週2回の練習時間と練習場所は限られますが、護身術を身につけて新たな自分を見つけませんか。
少林寺拳法は自分の身を守る護身術
・身体と心は一体のものとして、少林寺拳法は身体（つよさ）と心（やさしさ）の両面をバランスよく修練します
・少林寺拳法は突き・蹴り・受けなどの剛法と、抜き・投げ・固めなどの柔法から構成され、それぞれやさしいものからステップアップしていくカリキュラムとなっています
・道場では誰かと組みになって修練することで、技だけではなく、お互いを高め合う気持ちも身につけることができます
練習時間：毎週水曜と日曜、18:30から19:30
練習場所：横浜市立あざみ野中学校格技場</t>
    <phoneticPr fontId="1"/>
  </si>
  <si>
    <t>創玄書道会　書作師範　審査会員
毎日書道展　会友
高等学校教諭一種免許状(理科)</t>
    <phoneticPr fontId="1"/>
  </si>
  <si>
    <t>（１）
学校名：横浜市立文庫小学校
競技等：特別音楽クラブ（金管バンド）
指導時期：2016年10月～2018年3月
（２）
学校名：横浜市立金沢中学校
競技等：吹奏楽部
指導時期：2022年5月～2023年3月
（３）
平成20年～　書道師範　書道教室開設
2020年～にししば土曜塾 講師 　主催：金沢東部地区社会福祉協議会</t>
    <phoneticPr fontId="1"/>
  </si>
  <si>
    <t>金沢区で書道や音楽を通して子どもたちの教育に携わっています。小中学校部活動の指導サポートだけでなく
地域コミュニティでの多世代音楽交流をねらいとした「ブラストファンクラブ」を立ち上げ、地域のイベントへの参加、専門家を招いたワークショップの企画も行っています。
書道は指導歴20年。社会福祉協議会主催の小中高生向け土曜塾、コミュニティハウスの書道サークルの講師も務める。
勤務状態は有償を希望します。</t>
    <phoneticPr fontId="1"/>
  </si>
  <si>
    <t>昭和52年～昭和57年　出身公立中学校、高校にて吹奏楽部員として活動　トロンボーン、コントラバス、学生指揮者経験
昭和58年～昭和61年　出身私立大学にてオーケストラ部員として活動　コントラバス担当　海外演奏旅行経験
平成6年～現在　鎌倉交響楽団　団員として活動
平成20年～現在　鎌倉市立腰越中学校　吹奏楽部で部活動指導員</t>
    <phoneticPr fontId="1"/>
  </si>
  <si>
    <t>＊吹奏楽とオーケストラでの自身の経験を活かし、クラシック音楽の価値を感じ、その演奏に親しむことを指導の重点と考えています。
＊管楽器とコントラバスの経験があり、管楽器だけでなく吹奏楽部内での位置付けや活用が難しいコントラバスの指導も可能です。
＊クラシック曲から吹奏楽、アンサンブルへの編曲の経験があり、指導先団体にて自身の編曲作品でコンクール、コンテストでの演奏実績があります。
＊令和6年現在、正業は一般企業での会社員ですので、活動は原則土日休日に限定されますが、ご了承お願いいたします。
＊報酬についてはこだわりはありませんで、指導を通じ、地域コミュニティや子供の成長への貢献ができることを活動価値と考えております。</t>
    <phoneticPr fontId="1"/>
  </si>
  <si>
    <t>・指導者として
１９９９年４月～　県立神田高等学校部活動嘱託指導員（演劇部）（～３ヶ年）
２００６年４月～　平塚市立浜岳中学校地域指導者（演劇部）（～７ヶ年）
　　　　　　　　　この年から中学校でも指導を開始。
２００９年４月～　県立藤沢総合高等学校非常勤講師「演劇」（～２０１１年３月）
・実演家として
１９９９年４月～　劇団勤務、学校公演1000ステージ以上（２００８年５月退職）
　　　　　この間に劇団企画営業部で演劇制作業務、出向として横浜市内の区民文化センター勤務（地域文化政策、演劇公演や講座の企画運営）を経験
２０１１年９月～　芸能事務所に所属して映像作品にも出演活動、主な出演にNHK「タイムスクープハンター」「青天を衝け」「光る君へ」など</t>
    <phoneticPr fontId="1"/>
  </si>
  <si>
    <t>昭和57年4月～平成30年3月　神奈川県立高等学校4校で演劇部主顧問。
平成18年4月～平成30年3月　神奈川県立横浜桜陽高等学校で、学校設定科目「演劇体験」担当</t>
    <phoneticPr fontId="1"/>
  </si>
  <si>
    <t>技術指導よりは演劇の教育的意義に重点を置いて指導してきました。
活動可能な曜日・時間帯は、神奈川県立高等学校会計年度任用職員（非常勤）にも登録しているため、勤務校の勤務日・時間によります。本登録現在は、JR根岸線沿線の県立高等学校に週3日勤務。
交通費支給にて、神奈川県・横浜市の部活動指導員ないしインストラクター程度の報酬を希望します。</t>
    <phoneticPr fontId="1"/>
  </si>
  <si>
    <t>普段は『柿喰う客』という劇団に所属し、俳優活動をしています。
個人の活動として、夏休みの講習会、ゴールデンウィークの講習会、1日間・2日間・3日間だけなど、短期間の演劇ワークショップ（指導）をしてきました。
基本的には中学校・高校の演劇部に所属している生徒さんを受け持つことが多いですが、（劇団としても個人としても）子ども向け演劇（子どもと一緒に観ることのできる演劇公演）を作ったり、地域の皆さんと演劇創作をすることもあるので、お子様からご高齢の方まで、幅広い年代の方へ向けたワークショップが可能です。</t>
    <phoneticPr fontId="1"/>
  </si>
  <si>
    <t>劇団『柿喰う客』に所属し、俳優をしています。
『七味の一味』という演劇ユニットでは、主宰して演出家としても活動しています。
神奈川県の高校演劇部出身です。
いろいろご相談させて頂きながら決められればと思います。
宜しくお願い致します。</t>
    <phoneticPr fontId="1"/>
  </si>
  <si>
    <t>公認バドミントンコーチ３
中学校１種教員免許（保健体育）
高等学校１種教員免許（保健体育）</t>
    <phoneticPr fontId="1"/>
  </si>
  <si>
    <t>（資格ではないですが）
一般社団法人日本演劇教育連盟理事
NPO法人日本学校演劇教育会理事</t>
    <phoneticPr fontId="1"/>
  </si>
  <si>
    <t>JSPO空手道コーチ１
日本空手協会公認C級指導員
東京都空手道連盟中学校武道指導者
日本体育協会スポーツリーダー</t>
    <phoneticPr fontId="1"/>
  </si>
  <si>
    <t>横浜市（全域）／横須賀市／平塚市／鎌倉市／藤沢市／茅ヶ崎市／逗子市／厚木市／大和市／海老名市／座間市／葉山町</t>
  </si>
  <si>
    <t>08052630772</t>
  </si>
  <si>
    <t>abiabiobe3@yahoo.co.jp</t>
  </si>
  <si>
    <t>横浜市（全域）／鎌倉市／藤沢市</t>
  </si>
  <si>
    <t>08050411436</t>
  </si>
  <si>
    <t>shonan21dslife7@icloud.com</t>
  </si>
  <si>
    <t>ＪＢＡ日本吹奏楽指導者協会正会員　平成29年
高等学校音楽科教諭　令和4年</t>
    <phoneticPr fontId="1"/>
  </si>
  <si>
    <t>工業高校を中心に指揮・指導。出来ない子ができる喜びを感じる活動。初心者の子供達でも上手になれる。成長過程に合わせた体験活動をとおして、「自ら考え行動する力や協調性・責任感を身に付け、自己肯定感を高める笑顔溢れる活動」を目指して指導してきました。また、学業とのバランスを考え、短時間で結果を出せる工夫もしてきました。
活動休止状態の部活動を再生することを得意としてきました。
土日の時間を有意義に活動したいと思っています。</t>
    <phoneticPr fontId="1"/>
  </si>
  <si>
    <t>ラグビー</t>
  </si>
  <si>
    <t>y.yamazaki1215@gmail.com</t>
  </si>
  <si>
    <t>ハンドボール</t>
  </si>
  <si>
    <t>横浜市(青葉区、緑区、都筑区、旭区、瀬谷区)</t>
  </si>
  <si>
    <t>JSPO　コーチングアシスタント</t>
  </si>
  <si>
    <t>横浜市(瀬谷区・旭区　泉区　緑区)</t>
  </si>
  <si>
    <t>08013581275</t>
  </si>
  <si>
    <t>hyakurenjuku@gmail.com</t>
  </si>
  <si>
    <t>弓道</t>
  </si>
  <si>
    <t>厚木市／大和市／海老名市／座間市</t>
  </si>
  <si>
    <t>kyudo.ktakahashi@gmail.com</t>
  </si>
  <si>
    <t>その他(ダンス)</t>
  </si>
  <si>
    <t>ricosuzukoutan0905@icloud.com</t>
  </si>
  <si>
    <t>相模原市（全域）／平塚市／小田原市／秦野市／厚木市／伊勢原市／海老名市／座間市／綾瀬市／寒川町／愛川町／清川村</t>
  </si>
  <si>
    <t>平成22年～　厚木ラグビースクールで指導（幼児から中学生）</t>
  </si>
  <si>
    <t>08074640510</t>
  </si>
  <si>
    <t>440goto@gmail.com</t>
  </si>
  <si>
    <t>JSPO　アーチェリー　コーチ１</t>
  </si>
  <si>
    <t>関東・東京都ラグビーフットボール協会主催主管の公式戦（リーグワン・大学・大学クラブ・社会人クラブ）の大会運営と支援を２０１４年から活動している。
明治大学学生クラブチームの指導。</t>
    <phoneticPr fontId="1"/>
  </si>
  <si>
    <t>関東・東京都ラグビーフットボール協会主催主管の公式戦（リーグワン・大学・大学クラブ・社会人クラブ）の大会運営と支援を２０１４年から活動している。
週末（土日祝）活動可能
有給希望（時給又は交通費・弁当代等）</t>
    <phoneticPr fontId="1"/>
  </si>
  <si>
    <t xml:space="preserve">JSPO（空手道）コーチ１
《JSPO（空手道）コーチ２を2024年取得予定）
</t>
    <phoneticPr fontId="1"/>
  </si>
  <si>
    <t>■令和元年～現在
[瀬谷区]大門小学校体育館をお借りして指導中（松濤館 百錬塾を立ち上げ：現在60名程度）
■平成19年～平成30年
[町田市]つくし野小学校を利用した道場の指導員
※.対象は幼年～一般・シニアまで幅広く各レベル・各熱量に見合った指導
※.初心者には無理をさせず、また、選手を目指す者には個人の特性を伸ばす指導
※.学生には勉強を疎かにさせないよう、文武両道を目指す</t>
    <phoneticPr fontId="1"/>
  </si>
  <si>
    <t>報酬は交通費程度があるとありがたいです。
個人事業主（IT系）として生計を立てていますので、指導を行う時間には融通が利きますので、曜日・時間は相談とさせてください。
自身が運営する道場としての歴はまだ10年にも満たないですが、別の道場でも10年以上の間、指導員を務めておりました。
良き先生方との縁もあり、全国大会レベルの指導者から多くを学んできました。
またそういった先生が指導する講習会にも参加する機会を得やすくなります。
ハイレベルな講習会に参加すると、全国でも有名な選手が参加したりします。
その者たちに接すると「自身が何をすべきか」という事を学びます。
あくまでも自身で必要な事を感じ、目標を掲げ、私がその方向性を把握し、個人の成長への手助けを行えたらと思っています。</t>
    <phoneticPr fontId="1"/>
  </si>
  <si>
    <t>バスケットボール／ラグビー／その他(競技、指導歴未経験ですがラグビーのノウハウをバスケットボールやハンドボールの指導も応相談)</t>
    <phoneticPr fontId="1"/>
  </si>
  <si>
    <t>横浜市(港南区・戸塚区)／平塚市／藤沢市／茅ヶ崎市／大磯町／二宮町</t>
    <phoneticPr fontId="1"/>
  </si>
  <si>
    <t>ラグビーフットボールコーチ3　2022年10月1日取得
ジュニアスポーツ指導員　2021年10月1日取得
スポーツ医学検定2級、3級　2019年12月取得</t>
    <phoneticPr fontId="1"/>
  </si>
  <si>
    <t>2005年～2024年現在まで　茅ヶ崎ラグビースクールにてコーチ、サブヘッドコーチ、ヘッドコーチをそれぞれ歴任。
対象は未就学児～小学生～中学生。現在も小学五年生を指導中。</t>
    <phoneticPr fontId="1"/>
  </si>
  <si>
    <t>小中学生へのラグビースクール指導を19年、ラグビーの競技経験年数は小６～29歳まで19年間。高校時代は東京都の強豪校に在籍しており（寮生活）指導者から日々の暴言や体罰、理不尽なしごきなどを体験しながらも退部せずにラグビーを続けました。ただ、その時に負った心に傷は深く、ラグビーを楽しいと思ったことはなく、強制的にやらされていました。
「将来、自分が大人になったら子ども達には絶対にこんな理不尽なことは経験させたくない。ラグビーを心から楽しいと思ってもらえるような指導者になろう」という自分の経験を反面教師にし、ブレない自分の指導ポリシーとしての確固たる軸を持って指導しています。
ラグビーに関わらず運動に携わる全ての子ども、保護者の皆さまが幸せになれる指導を志しています。
■活動可能な曜日：土日（但し既存のラグビースクールの練習や試合との兼ね合いにもよります）。
平日は日中は勤務しておりますが、場所や時間帯によって対応可否が決まります（テレワークやフレックスを活用）。
■勤務条件：上記の通り可能な日時が見えないため応相談となります。報酬に関しても応相談となります。</t>
    <phoneticPr fontId="1"/>
  </si>
  <si>
    <t>JSPO（弓道）コーチ１
全日本弓道連盟　教士七段</t>
    <phoneticPr fontId="1"/>
  </si>
  <si>
    <t>2020年4月～2024年2月現在
東京都港区私立高校ダンス部部活動指導員
2021年4月～2024年2月現在
東京都港区私立中学校ダンス部部活動指導員</t>
    <phoneticPr fontId="1"/>
  </si>
  <si>
    <t>JSPO（競技名）コーチ１
日本ラグビーフットボール協会　B級コーチ
Sports Coaching Japan コーチディベロッパー１
JSPO（競技名）コーチ３（取得中）
日本ラグビーフットボール協会　A級コーチ（取得中）</t>
    <phoneticPr fontId="1"/>
  </si>
  <si>
    <t>小学校ではバスケットボール、中学校では水泳、高校は剣道と多様な運動クラブに所属していました。所属した以外でよくプレーした・するスポーツは、野球、ソフトボール、サッカーのほか、スキー、バドミントン、タグラグビーです。
大学生時代には、アルバイトですが、スイミングスクールで指導員の経験があります。
スポーツ以外では、ピアノを小学生時代に習いました。音楽、美術、文学、映画などの文化にも興味があります。大学時代の大学祭実行委員のほか、小中学生時代には生徒会長を経験し、文化系のクラブ活動にもなじみがあります。
中学校時代に遊びで体験したラグビーに、大人になってから2人の息子を通して再会し、以後10年幼児・小学生・中学生の指導に携わってきました。その中で、昨今の子供たちに遊びの時間が不足していることを痛感し、健康の礎、豊かな感性の源づくりにかかわりたいと思い、この制度に登録することにしました。
大学院まで進み理学で博士号を取得しました（化学・生化学）。米国の大学への留学経験もあり、英吾であればコミュニケーション取れます。一般企業に勤め、エンジニアと管理職を経験しました。公的な指導資格を有しているのはラグビーですが、生徒さんと様々な会話を通じて、先達者としての情報提供をすることができると思います。
スポーツの意義は、まず体を動かすことの喜びを得られることであり、その次に能力の探求に取り組めること、そして仲間を作りともに影響しあえることだと信じています。自身の少年期の部活動は勝利至上であったり体罰があったりしましたが、それを経験したうえで、上記のような考えに至っています。協力することができる機会があれば、ともに成長しながら高めあう経験ができる環境を提供いたします。</t>
    <phoneticPr fontId="1"/>
  </si>
  <si>
    <t>1991年~1994年　高校にて活動
1994年~1998年　大学にて活動
1998年~2024年　社会人クラブチームで活動</t>
    <phoneticPr fontId="1"/>
  </si>
  <si>
    <t>有</t>
    <phoneticPr fontId="1"/>
  </si>
  <si>
    <t>自己PR：30年以上の活動歴、現在も活動しており、実技を見せることができる。
活動可能日：土曜日・日曜日
報酬希望：特になし</t>
    <phoneticPr fontId="1"/>
  </si>
  <si>
    <t>令和４年度神奈川県スポーツ功労者表彰　受賞者
たかはし　かずたか
高橋　和貴  推薦団体 大和市
大和市弓道協会　会長
神奈川県弓道連盟　副会長
神奈川県弓道連盟において理事・副会長を務め、連盟の競技会や講習会等の運営に尽力し、弓道の普及・振興、競技力や技術向上に大きく寄与している。また30年以上にわたり弓道教室の講師を務め、多くの弓道愛好者を育成するとともに、市やスポーツ少年団が開催する弓道体験にも積極的に取り組んでいる。</t>
    <phoneticPr fontId="1"/>
  </si>
  <si>
    <t>大学2年生から母校でダンス部コーチを務め、現在も続けています。
現在は社会人1年目(2024年4月から2年目)で、コーチをやりながら現役の頃出場していたダンス大会の団体に所属し、大会の運営やインストラクターをしています。
中学・高校ともに100人近くの部員を指導しています。
大会の作品つくりや、定期公演での作品つくり、演出なども手掛けています。
高校は20年連続全国大会出場、中学は3年前にできたばかりですが、去年初の全国大会出場、入賞経験があります。</t>
    <phoneticPr fontId="1"/>
  </si>
  <si>
    <t>横須賀ジュニアアーチェリーアカデミーでコーチとして活動中です。</t>
    <phoneticPr fontId="1"/>
  </si>
  <si>
    <t>平成元年～令和5年3月まで、佐賀県内工業高校や近県高校吹奏楽部・一般楽団を中心に吹奏楽の指揮・指導を行う。高文連県代表（全国大会）。吹奏楽コンクール九州大会出場。
所属する一般楽団にて全国大会出場(5回・銀賞及び銅賞受賞）
塩田工業高校では、部員0から部活復活させ、1年目から定期演奏会開催・コンクール出場。地域貢献演奏活動。
唐津工業高校では、部員10名から3年で50名、マーチングで九州大会出場。高文連県代表。地域貢献演奏活動。
佐賀工業高校では、部員6名から4年で60名、1年目から定期演奏会・コンクールＡパート出場、高文連県代表。地域貢献演奏活動。
鳥栖工業高校では、部員3名(3年生のみ）からスタート。翌年1・2年生13名でマーチングパーカッション九州大会、コンクールＡパート出場、定期演奏会開催。地域貢献演奏活動を行う。
以降、活水中学高校吹奏楽部コーチ、福大大濠高校・唐津商業高校、唐津西高校外部指導者、一般楽団客演指揮を行う。
平成29年６月　日本吹奏楽指導者協会会員推薦により、正会員に承認される
令和3年４月～　大阪芸術大学音楽学科編入学
令和4年11月　高等学校音楽科教諭免許取得</t>
    <phoneticPr fontId="1"/>
  </si>
  <si>
    <t>自身の仕事の都合上、変則的にはなりますが月単位で平均的な回数いけるようにします。
平日夕方・土曜日午前午後、日曜日の日中が希望。報酬は1回5000円から応相談</t>
    <phoneticPr fontId="1"/>
  </si>
  <si>
    <t>平成２７年～現在　横須賀ジュニアアーチェリーアカデミーで指導。</t>
    <phoneticPr fontId="1"/>
  </si>
  <si>
    <t>70代</t>
  </si>
  <si>
    <t>横浜市（全域）／川崎市（全域）／鎌倉市／藤沢市</t>
  </si>
  <si>
    <t>09091440314</t>
  </si>
  <si>
    <t>shochan.brass.1953@gmail.com</t>
  </si>
  <si>
    <t>合唱・コーラス／パソコン／自然科学、科学・技術</t>
    <phoneticPr fontId="1"/>
  </si>
  <si>
    <t>川崎市（全域）／川崎市(南武線及び小田急線沿線の徒歩またはバス圏内)／厚木市</t>
    <phoneticPr fontId="1"/>
  </si>
  <si>
    <t>部活動指導資格
　令和6年3月修了　神奈川県主催地域クラブ活動研修
自然科学
　教員免許　中学理科　高校理科　免許更新修了
PC
　情報処理技術者　1種・2種、マイクロソフトトレーナー　Word・Excel・Access
合唱
　令和5年から日本合唱指揮者協会にてJCDAコーラスアカデミーで以下の講座を受講中
　部活動指導法、合唱音楽史、演奏表現のための理論、他</t>
    <phoneticPr fontId="1"/>
  </si>
  <si>
    <t>正式な部指導経験なし
自然科学
　1988年大学農学系卒業
　2012年から2024年現在神奈川県立高校理科非常勤講師
PC
　1988年から1994年まで人工知能型システムのプログラミングとデータベース構築担当
　1994年から2005年までシステムエンジニアとして初級者PC教室や新入社員プログラミング研修講師担当
　2020年から2024年現在コロナ禍での理科非常勤講師としてオンライン授業の生徒及び同僚を支援
合唱
　1988年から2000年までシステムエンジニアとして勤務及び職場合唱団に所属
　2012年から2024年3月現在まで全日本合唱連盟所属の一般混声合唱団で活動中
　2023年から日本合唱指揮者協会のJCDAコーラスアカデミーで部活動指導についての講座受講中
　2012年から2024年3月現在まで高校非常勤講師理科を担当し
非公式に合唱部、自然科学部、パソコン部を支援及びコロナ下のオンライン授業等の支援経験あり</t>
    <phoneticPr fontId="1"/>
  </si>
  <si>
    <t>合唱指導については直接指導よりも音楽専門の外部講師とのコーディネーターとして働きたい。
コンピュータや自然科学については仕事の経験を活かして対応したい。
高校非常勤講師と兼務可能なら年度初めに曜日時間帯の調整を希望。
理科講師として感染症及び健康面やハランスメントなど学校で配慮すべき点や情報共有すべき点は対応可能</t>
    <phoneticPr fontId="1"/>
  </si>
  <si>
    <t>mjnaka.gm@gmail.com</t>
    <phoneticPr fontId="1"/>
  </si>
  <si>
    <t>教員免許中学校一種音楽
社団法人吹奏楽教育協会員
横浜市立中学校部活動指導員
厚木市立中学校部活動協力員
東京都新宿区部活動指導員</t>
    <phoneticPr fontId="1"/>
  </si>
  <si>
    <t>横浜市立神奈川中学校吹奏楽部
平成6年～9年　東関東大会出場
横浜市立万騎が原中学校吹奏楽部
平成10年～18年　東関東大会出場
平成11年14年16年17年18年全国大会出場
横浜市立本郷中学校吹奏楽部
平成19年～29年　東関東大会出場
平成25年27年全国大会出場</t>
    <phoneticPr fontId="1"/>
  </si>
  <si>
    <t>横浜市立中学校の音楽科教諭及び吹奏楽部顧問を43年間勤め
平成6年～平成29年まで24年間続けて東関東大会出場
内18回金賞、全国大会7回出場
平成27年に東関東吹奏楽連盟より優秀指導者として表彰される。
ジャパンライム社より吹奏楽指導者に向けたDVD「少人数だから出来る細やかな吹奏楽指導」が発売されている。
活動日：月火水木金土
平日：15:00～18:00    土曜日9:00～12:00</t>
    <phoneticPr fontId="1"/>
  </si>
  <si>
    <t>連絡先（その他）</t>
    <rPh sb="0" eb="3">
      <t>レンラクサキ</t>
    </rPh>
    <rPh sb="6" eb="7">
      <t>タ</t>
    </rPh>
    <phoneticPr fontId="1"/>
  </si>
  <si>
    <t>サッカー／その他(フィジカルトレーニング)</t>
  </si>
  <si>
    <t>横浜市（全域）／川崎市（全域）／相模原市（全域）／横須賀市／平塚市／鎌倉市／藤沢市／茅ヶ崎市／逗子市／大和市／海老名市</t>
  </si>
  <si>
    <t>09091566999</t>
  </si>
  <si>
    <t>project.colors.keico@gmail.com</t>
  </si>
  <si>
    <t>colors.project.piazza@gmail.com</t>
  </si>
  <si>
    <t>横浜市（全域）／川崎市（全域）／相模原市(南区)／横須賀市／平塚市／鎌倉市／藤沢市／茅ヶ崎市／逗子市／三浦市／秦野市／厚木市／大和市／伊勢原市／海老名市／座間市／葉山町／寒川町／大磯町／二宮町</t>
  </si>
  <si>
    <t>JSPOバレーボールコーチ3</t>
  </si>
  <si>
    <t>09035942761</t>
  </si>
  <si>
    <t>hitoshi810@icloud.com</t>
  </si>
  <si>
    <t>陸上競技</t>
  </si>
  <si>
    <t>平塚市／茅ヶ崎市／秦野市／厚木市／伊勢原市</t>
  </si>
  <si>
    <t>09089323155</t>
  </si>
  <si>
    <t>koki487000@gmail.com</t>
  </si>
  <si>
    <t>相模原市（全域）</t>
  </si>
  <si>
    <t>土曜日、日曜日、平日も空けることできます。夕方ー夜</t>
  </si>
  <si>
    <t>09049556740</t>
  </si>
  <si>
    <t>ky1997092929@icloud.com</t>
  </si>
  <si>
    <t>その他(ボクシング)</t>
  </si>
  <si>
    <t>JSPO（テニス）コーチ１</t>
  </si>
  <si>
    <t>令和元年～現在 県立高校テニス部外部指導員</t>
  </si>
  <si>
    <t>2014年～2024年(現在）　横浜市金沢区内のスポーツ少年団で指導</t>
  </si>
  <si>
    <t>souyuzu@gmail.com</t>
  </si>
  <si>
    <t>卓球</t>
  </si>
  <si>
    <t>平成３０年１２月～令和６年３月現在　大磯町立国府中学校で女子卓球部の部活動指導員。</t>
  </si>
  <si>
    <t>横須賀市／三浦市／葉山町</t>
  </si>
  <si>
    <t>ソフトボール</t>
  </si>
  <si>
    <t>JSPO 公認ソフトボールコーチ1</t>
  </si>
  <si>
    <t>川崎市北部の中学校にて、部活動立ち上げ、ソフトボール部顧問として指導歴約8年</t>
  </si>
  <si>
    <t>milkchan1215@yahoo.co.jp</t>
  </si>
  <si>
    <t xml:space="preserve">JSPOバドミントンコーチ３_x000D_
</t>
  </si>
  <si>
    <t>厚木市／大和市／海老名市／座間市／綾瀬市</t>
  </si>
  <si>
    <t>その他(山岳・スポーツクライミング)</t>
  </si>
  <si>
    <t>相模原市（全域）／平塚市／小田原市／秦野市／厚木市／大和市／伊勢原市／海老名市／座間市／南足柄市／綾瀬市／寒川町／大磯町／二宮町／中井町／大井町／松田町／清川村</t>
  </si>
  <si>
    <t>その他(スポーツウエルネス吹矢)</t>
  </si>
  <si>
    <t>川崎市(多摩区、麻生区、川崎区、高津区)</t>
  </si>
  <si>
    <t>hiroko251215@yahoo.co.jp</t>
  </si>
  <si>
    <t>平塚市／小田原市／秦野市／南足柄市／大井町／松田町／開成町</t>
  </si>
  <si>
    <t>zvq00432@nifty.com</t>
  </si>
  <si>
    <t>私の夢はユース世代のチームを率いて全国制覇を達成する事です。学生時代からサッカーに親しんできましたが今とは時代が違い選手への道も指導者への道もままなりませんでした。50歳をすぎた頃ふと自身の人生を考えたときに「自分のできることで人のためになりたい」と思がわいてきて指導者への道を模索してきましたサッカーコーチを志す理由やそのために長年勉強してきた動機は人それぞれですが、女性でも活躍できることは確かです。女性がサッカーコーチとして成功する例は世界中に数多くあります。そのうちの一部の理由やメリットは以下になります＊情熱と能力: サッカーに対する情熱と、そのスポーツに関する深い理解や技術を持っているなら性別に関係なく優れたコーチになれます＊多様性の重視: 近年では、多様性と包括性がますます重視されるようになり、女性がスポーツのコーチとしても積極的に受け入れられる傾向にあります＊役割モデル: 女性がサッカーコーチとして成功することで、他の女性や若い女性選手にとっても役割モデルとなり、彼女たちの夢や目標に向かって進む手助けとなります。＊新しい視点: 男性とは異なる視点やアプローチを持つことができ、チームにとって新鮮で貴重な視点を提供することができます。＊チームの統合: 女性コーチがチームに加わることで、性別に関係なく選手たちが協力し合い、相互尊重を深める機会を提供することができます＊成長の機会: 男性が主導することが一般的な世界で、女性がリーダーシップの役割を果たすことは成長の機会でもあります自信を持って前進し、自分の能力や情熱を活かして、サッカーコーチとしてのキャリアを築いていくことができる＜競技歴＞中学生になってクラスの男の子にがサッカー部に入ると聞いて、勢いでサッカーを始めました。当時は、女子の部はなくて先生をお願いして男子のフリをして中学高校大学社会人と続けてきました20代の頃は、横浜市の市民大会で準優勝・神奈川県選抜にもなって経験があります＜活動可能な曜日時間帯＞月・火・木・金・土・日（水曜日は仕事の都合でむずかしですが場合によっては要相談）部の活動時間に合わせます（朝練習午後練習・試合への帯同遠征・合宿可）＜希望する勤務条件＞もし採用をされた場合選手全員とミーティグの時間をとって欲しいです。双方のサッカーに対する考えやチームの目標トレーニングの方法や要望を聞きたい為</t>
    <phoneticPr fontId="1"/>
  </si>
  <si>
    <t>劇団ひまわり俳優養成所全日制第48期研究科出身｡
劇団ひまわり第10期研修科を【主演】にて修了｡
俳優、舞台監督を中心に演出､演劇部講師､大道具､演出部､､照明､音響、制作などで、オペラやミュージカル、商業から小劇場、学生演劇まで舞台に関わるあらゆる仕事で活動中｡
新国立劇場オペラ「サロメ」、大河ドラマ「平清盛」、EX「仮面ライダーフォーゼ」、KAAT神奈川芸術劇場「じゃじゃ馬馴らし」（主演）などに出演。
劇団ひまわり（2009-2019年）
横浜の劇団「虹の素」（2011-2015・2017-2023）
Theater Company 夜明け
東急シアターOrb 舞台機構技術スタッフ(2018年ー2019年)
Bunkamuraオーチャードホール 舞台機構技術スタッフ(2018年)
神奈川県立青少年センター舞台補助職員(2013年ー2020年)
神奈川県演劇連盟会計理事（2014ー2016年）
日吉台中学校演劇部外部講師（2015年ー2018年）
日吉台西中学校演劇部外部講師（2018年ー2019年）
高校生劇団「おおぐま座」　顧問兼指導者（2019年ー）
Magucal Chistmas &amp; Musical Concert 主催（2015年ー）
演劇部お助け講座（東海大相模高校）
演劇部
2022年・2023年・2024年</t>
    <phoneticPr fontId="1"/>
  </si>
  <si>
    <t>＊日本体育協会　地域総合スポーツアシストマネージャー
＊全日本ノルディックウォーク連盟公認指導員
＊旅程管理主任者
＊日本SAQ協会　レベル1インストラクター
＊(財)日本コンディショニング協会　ベーシックインストラクター
＊NSPA-ASIA公認パーソナルトレーナー
＊公益財団法人　日本サッカー協会　公認C級ライセンス
＊サッカー4級審判員（審判登録番号：R010766535）</t>
    <phoneticPr fontId="1"/>
  </si>
  <si>
    <t>監督歴
昭和54年4月から平成2年3月
神奈川県立寒川高等学校
平成2年4月から平成14年3月
神奈川県立藤沢高等学校
平成14年4月から平成24年3月
神奈川県立鶴嶺高等学校
平成24年4月から平成29年3月
神奈川県立小田原総合ビジネス高等学校
外部指導者歴
平成29年4月から令和4年3月
神奈川県立湘南高等学校
令和4年4月から令和6年3月
神奈川県立大和東高等学校
令和5年4月から
神奈川県立平塚農商高等学校
いずれも女子バレーボール部</t>
    <phoneticPr fontId="1"/>
  </si>
  <si>
    <t>バレーボールを始めて50年、これまで指導者として45年間高校女子を中心に指導して参りました。
その間、3校を県代表(関東大会、全国大会)に導きました。
現在は高校女子の外部指導者としての他、小学生チームの指導にも関わらせていただいております。
技術指導のみならず、ペップトーク普及協会の講師としてチームのコミュニケーション能力向上の支援も同時にさせてくスタイルで関わらせていただいております。
講演講師として言葉がけの研修やワークを通じて指導者や子供さんたちへの支援のみならず、保護者の皆さんへの支援やコミュニケーションの在り方等幅広く支援させていただきたいと思っております。
活動希望日:平日(土日祝日要相談)
報酬その他条件要相談</t>
    <phoneticPr fontId="1"/>
  </si>
  <si>
    <t>・ランニング指導員
・スプリント指導員</t>
    <phoneticPr fontId="1"/>
  </si>
  <si>
    <t>2021年4月から現在
アスレティクスジャパンで指導
2023年4月から現在
日本ランニング振興機構で指導</t>
    <phoneticPr fontId="1"/>
  </si>
  <si>
    <t>自己PR:現在も現役実業団選手としてパフォーマンスの維持・向上をしています。未就学児から大人まで約200名程度の指導経験があり、幅広く対応サポートできます。選手兼コーチであり、日々どうしたら上手に速く走れるのか？をモットーに学ぶ姿勢を絶やさずに活動しております。300mハードルで全国大会優勝経験があります。最終学歴は大学院卒業で、コーチング学を専攻していました。ナショナルチーム、Jリーガーの指導経験あります。</t>
    <phoneticPr fontId="1"/>
  </si>
  <si>
    <t>JSPOサッカーコーチ1
JFA公認C級コーチ</t>
    <phoneticPr fontId="1"/>
  </si>
  <si>
    <t>日本スポーツ協会公認スポーツ指導者コーチングアシスタント
日本スポーツ施設協会認定トレーニング指導士
日本スポーツクラブ協会認定上級中高老年期運動指導士
全米エクササイズエクササイズ＆スポーツトレーナー協会認定シニアトレーナー
日本成人病予防協会認定健康管理士一般指導員、文部科学省後援健康管理能力検定１級
上級救命講習修了証
横浜市西区スポーツ推進員、保健活動推進員</t>
    <phoneticPr fontId="1"/>
  </si>
  <si>
    <t>１９９６年花形ジムへ入門（当時３２歳）。
２０１２年日本プロボクシング協会認定エアボクシングを競技として開始。現在も活動中。
準優勝３回、５０歳代日本ランキング２位、６０歳代日本ランキング４位。
指導歴
平成１１年～平成１８年：コナミスポーツジム本牧店（現在閉館）にてボクシングエクササイズアシスタントコーチ
平成１８年～ボクシングサークル指導員（有志・老若男女対象）スポーツセンターにて現在も活動中
令和３年～　花形ジムにてアシスタントトレーナー（女性対象）</t>
    <phoneticPr fontId="1"/>
  </si>
  <si>
    <t>活動可能な曜日：土日（時間帯は制約なし）
卓球を楽しんでもらえるように指導をしたいと思っています。
卓球を生涯スポーツとして、より良い人生の一助となればよいと考えています。</t>
    <phoneticPr fontId="1"/>
  </si>
  <si>
    <t>2014年～2015年 はやぶさウイングス(小学生)_監督
2016年～現在       相模原市立大野北中学校_バドミントン部外部指導員
2019年～現在       相模原市立中央中学校_バドミントン部外部指導員
2019年～現在　  相模原市立大野南中学校_バドミントン部外部指導員</t>
    <phoneticPr fontId="1"/>
  </si>
  <si>
    <t>2015年～2016年  日本ジュニアスポーツ少年団指導者登録
2015年～2019年、2022～2023年 全日本実業団バドミントン選手権大会コーチ参加_神奈川県代表チーム
日本バドミントン指導者連盟会員
神奈川県バドミントン協会指導委員
活動可能な曜日・時間帯:土、日曜日/休日</t>
    <phoneticPr fontId="1"/>
  </si>
  <si>
    <t>日本サッカー協会の公認C級コーチ
日本フットサル協会の公認C級コーチ</t>
    <phoneticPr fontId="1"/>
  </si>
  <si>
    <t>中高保健体育免許
外部コーチ経験あり
学校名：座間市立栗原中学校
競技等：サッカー部外部コーチ
指導時期：平成24年4月ー平成26年3月
学校名：横浜市立領家中学校
競技等：サッカー部顧問
指導時期：平成26年4月ー平成28年3月
大和シルフィードU15(女子中学生)
指導時期：平成28年4月ー平成29年3月
学校名：横浜翠陵高校
競技等：サッカー部外部コーチ
指導時期：令和3年4月ー令和5年8月
大和vista fc(幼児ー中学生)
チームの代表
指導時期：平成29年4月ー現在</t>
    <phoneticPr fontId="1"/>
  </si>
  <si>
    <t>幼児ー高校生、女子まで指導経験あります。
平日であれば調整できます。
週末は自チームがあるので予定次第です。
色々ご相談させてください。</t>
    <phoneticPr fontId="1"/>
  </si>
  <si>
    <t>JSPO（山岳）コーチ４
JSPO（スポーツクライミング）コーチ２</t>
    <phoneticPr fontId="1"/>
  </si>
  <si>
    <t>昭和57年～平成29年　神奈川県立高等学校で山岳部等の部活動顧問として指導。
平成8年～平成29年　神奈川県山岳連盟で国体選手の育成、強化、国体監督等の指導。
平成30年～令和2年　神奈川県立山岳スポーツセンター職員としてリードクライミング等の指導。
令和2年～令和４年　秦野市「はだの丹沢クライミングパーク」にてボルダリング等の指導。</t>
    <phoneticPr fontId="1"/>
  </si>
  <si>
    <t>スポーツウエルネス吹矢
平成23年～　ＮＰＯ法人中野島総合型スポーツクラブビルネで活動
令和元年～公認指導員
令和3年～障がい者サポート公認指導員
令和4年～上級公認指導員</t>
    <phoneticPr fontId="1"/>
  </si>
  <si>
    <t>ＮＰＯ法人中野島総合型スポーツクラブビルネの一教室としてスタートをしました。
今では川崎中野島ビルネ支部として日本スポーツウエルネス吹矢協会に属し活動をしています。
参加者は高齢の方が多く腹式呼吸を取り入れた健康に良いスポーツです。
また、ジュニア会員も多く大会も行われ、障害を持たれた方も参加、大会があり、もっとたくさんの方に知っていただけたらと思うスポーツです。
学校部活動に参加出来るようになれば、スポーツが苦手な子でも吹矢は楽しいと思っていただくことが出来ると確信しています。
体験会での反応は良いのですが、その場限りになり長続きできないので、そこを何とかしたいと考えています。
川崎中野島ビルネ支部では報酬等ではなく楽しく、安全なスポーツだということを指導できればと思っています。
何しろ指導者も高齢者が多く時間だけは沢山ありますので貢献できればと考えています。</t>
    <phoneticPr fontId="1"/>
  </si>
  <si>
    <t>日本スポーツ協会（バドミントン）コーチ１</t>
    <phoneticPr fontId="1"/>
  </si>
  <si>
    <t>子どもたちの視点と目線で一緒に考えて本人たちの疑問をなくしながら、人格形成と競技力の向上をモットーにしています。家族、仲間、先生方などすべてに自然に感謝する気持ちを忘れずに子どもたちにはバドミントンに取り組んでもらいたいです。
平日は仕事をしてますので、活動は休日もしくは平日夜間が可能です。</t>
    <phoneticPr fontId="1"/>
  </si>
  <si>
    <t>横浜市(北部)／川崎市(中部～北部)</t>
    <phoneticPr fontId="1"/>
  </si>
  <si>
    <t>平成20年から中学校部活動で指導</t>
    <phoneticPr fontId="1"/>
  </si>
  <si>
    <t>(1) 昭和52年6月～昭和55年3月　六浦毎日サッカースクール(U-12)で指導。
    就任１年目で区の１位へチームを躍進させる。
　　同年、市の大会で、ベスト８へ進出
　　教え子にJFL(実業団）へ進んだ選手を輩出する。
(2) 昭和58年6月～平成2年12月 太尾FC(U-12) 太尾FCで指導。
　　地域クラブの基礎作りに参画する。
　　就任２年目で区の１位へチームを躍進させる。
　　同年、市の大会で、ベスト８へ進出
　　教え子に高校選手権に出場した選手を輩出する。
　　後年、ナデシコ（日本代表）を輩出する
(3) 令和2年8月～令和2年10月　武蔵野市立第５中学校サッカー部の部活動指導員
　　指導をする上で、一番に留意すべきは「選手の安全の確保」とういうことを理解いただけずに同年10月に退任する。
(4) 令和2年10月～令和3年8月 品川区立第６中学校のサッカー部の部活指導員
　　新型コロナにて活動自粛の為、辞任
(5) 令和4年10月～  横浜北YMCAサッカークラブ（非常勤）
    知人の紹介で、若いコーチたちのアドバイザーとして関わる。
(6) 令和5年5月～令和5年10月  板橋区立志村第四中学校のサッカー部の部活指導員
　　就任5ヶ月にて区のトップ６へ躍進させる。
　　同じくして、４年ぶりに支部大会へ進出。
＊指導について＊
　選手の自主性を尊重して、選手一人一人が、勇気を持って行動できるように・・・
　実社会においても「勇気と責任」を持てる人の育成を目指す。</t>
    <phoneticPr fontId="1"/>
  </si>
  <si>
    <t>ボクシング活動歴２９年。会社員（一時、代表取締役経験）時代の３２歳の時から、ボクシングに目覚めスタートしました。現在も活動中であり、競技への参加、指導も並行して行っています。
６０歳を過ぎ定年退職後、ボクシングの素晴らしさを是非伝えたいと思っています。
ボクシングが危険や野蛮等のイメージはありますが、全身運動により、体幹、メンタル面の強化等も図れます。
練習方法により、コンタクトのない練習を行う事も可能です。
また用具は、運動着、運動靴を用意していただき、その後はグローブ、バンテージ購入のみで比較的安価な中で活動が行えます。
エアボクシングについては、コンタクトの無い安全なスポーツとして、男女、小学生から７０歳代の高齢者を対象に競技を行っています。
是非、新しい取り組みとしてご一考していただければと存じます。
活動可能については、平日・時間帯、勤務条件は、相談させていただければと存じます。
よろしくお願いいたします。</t>
    <phoneticPr fontId="1"/>
  </si>
  <si>
    <t>自己PR
明るく楽しく、テニスを楽しいと感じて貰えるように、していきたい。
活動可能な曜日
土日</t>
    <phoneticPr fontId="1"/>
  </si>
  <si>
    <t>日本スポーツウエルネス吹矢協会
上級公認指導員
障がい者サポート公認指導員</t>
    <phoneticPr fontId="1"/>
  </si>
  <si>
    <t>平塚市</t>
  </si>
  <si>
    <t>0463337555</t>
  </si>
  <si>
    <t>yasu4btree@outlook.jp</t>
  </si>
  <si>
    <t>鎌倉市／藤沢市</t>
  </si>
  <si>
    <t>osanoto@gmail.com</t>
  </si>
  <si>
    <t>相模原市（全域）／厚木市／大和市／海老名市／座間市／綾瀬市</t>
  </si>
  <si>
    <t>日本スポーツ協会(アーチェリー)コーチ1</t>
  </si>
  <si>
    <t>平成26年から　横須賀ジュニアアーチェリーアカデミーで指導。</t>
  </si>
  <si>
    <t>08012703934</t>
  </si>
  <si>
    <t>相模原市（全域）／厚木市／海老名市／座間市／愛川町</t>
  </si>
  <si>
    <t>平成22年から平成26年　旭中学校でバドミントン部の部活動指導。</t>
  </si>
  <si>
    <t>09081107722</t>
  </si>
  <si>
    <t>0sc38v0m04x164m@uqmobile.jp</t>
  </si>
  <si>
    <t>その他(ダンス (K-POP,HIP-HOP))</t>
  </si>
  <si>
    <t>横浜市（全域）／川崎市（全域）／相模原市（全域）</t>
  </si>
  <si>
    <t>hayatoo.inc@gmail.com</t>
  </si>
  <si>
    <t>平塚市／秦野市／厚木市／伊勢原市／海老名市／寒川町／愛川町／清川村</t>
  </si>
  <si>
    <t>ソフトテニス</t>
  </si>
  <si>
    <t>横浜市（全域）／横須賀市／鎌倉市／藤沢市／茅ヶ崎市</t>
  </si>
  <si>
    <t>yamanaka-ymy@nifty.com</t>
  </si>
  <si>
    <t>JSPO（ラグビーフットボール）コーチ3</t>
  </si>
  <si>
    <t>活動日程は、今後の勤務状況により変化するので登録のみ希望。外部指導者として活動可能になれば連絡します。</t>
  </si>
  <si>
    <t>o.katsumata@gmail.com</t>
  </si>
  <si>
    <t>小田原市／南足柄市／大井町／松田町／開成町</t>
  </si>
  <si>
    <t>なし</t>
  </si>
  <si>
    <t>arakiri@dj8.so-net.ne.jp</t>
  </si>
  <si>
    <t>08065940730</t>
  </si>
  <si>
    <t>rnjqh158@yahoo.co.jp</t>
  </si>
  <si>
    <t>横浜市（全域）／川崎市（全域）／横須賀市／平塚市／鎌倉市／藤沢市／茅ヶ崎市／逗子市／三浦市／秦野市／厚木市／葉山町／大磯町／二宮町</t>
  </si>
  <si>
    <t>yo.yea1220@gmail.com</t>
  </si>
  <si>
    <t>吹奏楽が好きだからであり、その音楽の魅力を生徒たちに伝えたいからです。これまで、中学校・高等学校での部活経験や横浜市立中学校での顧問を経験してきました。これまで、取り組んできたことを活かし、魅力のある部活動指導員でいたいです。</t>
    <phoneticPr fontId="1"/>
  </si>
  <si>
    <t>なし</t>
    <phoneticPr fontId="1"/>
  </si>
  <si>
    <t>令和３年４月～令和６年３月町田市立木曽中学校吹奏楽部
令和２年９月～令和３年３月神奈川県立白山高等学校吹奏楽部
平成３０年４月～平成３１年３月神奈川県立二宮高等学校吹奏楽部
上記の期間、学校にて教員として着任し、顧問として吹奏楽部の指導にあたる。</t>
    <phoneticPr fontId="1"/>
  </si>
  <si>
    <t>令和６年３月に東京都を退職し、４月より慶應義塾大学大学院に在籍し、研究を行っています。
土日を中心に、平日午後など可能な時間での指導を希望しています。
主に高等学校での指導を希望します。</t>
    <phoneticPr fontId="1"/>
  </si>
  <si>
    <t>JBA公認D級指導者
JSPO公認スポーツ指導者</t>
    <phoneticPr fontId="1"/>
  </si>
  <si>
    <t>平成2年～6年　神奈川県立大原高等学校　男子バスケットボール部　指導補助
平成27年～28年　平塚市立中原中学校男子バスケットボール部　平塚市中学校部活動地域指導者
平成22年～現在　平塚市中原地区体育振興連絡協議会バスケットボール担当　地域スポーツ交流　育成指導</t>
    <phoneticPr fontId="1"/>
  </si>
  <si>
    <t>登録に際して「指導を希望しない」という選択肢はないと思ったのでありにチェックを入れさせていただきました。
長年地域（自治会、体育振興連絡協議会）で子どもたちに部活動やクラブチームでもなく、地域活動としてバスケットボールの場を提供し続けているのでこのまま継続できれば特段部活動指導に関わる必要性はないのかもしれません。
が、この部活動ガイドライン発布からの続く今後の地域スポーツの在り方、流れがわからないので、ここで参加登録して勉強させていただき、今後も子どもたちがスポーツを楽しむ場が継続できるような学びを得られたらと思い登録申請させていただきました。</t>
    <phoneticPr fontId="1"/>
  </si>
  <si>
    <t>・バレーボールを楽しんで、好きになってもらいたいと思っています。
・平日の日中帯は会社に勤務しているため、対応時間帯は要相談です。
・土日祝は柔軟に対応可能です。</t>
    <phoneticPr fontId="1"/>
  </si>
  <si>
    <t>2019年から2021年　深沢ジュニアバレーボールクラブで指導
2022年から現在　鎌倉市立深沢中学校のバレーボール部で指導</t>
    <phoneticPr fontId="1"/>
  </si>
  <si>
    <t>JSPO（バレーボール）コーチ１
コーチングアシスタント
日本バレーボール協会公認C級審判員</t>
    <phoneticPr fontId="1"/>
  </si>
  <si>
    <t>中学校高等学校保健体育教員免許
日本スポーツ協会コーチングアシスタント</t>
    <phoneticPr fontId="1"/>
  </si>
  <si>
    <t>社会人として3年間、民間の企業で陸上競技指導を行なってまいりましたが、自分の中で部活動・クラブ活動の指導をやりたい気持ちあり、諦めきれず退職いたしました。
退職してから、部活動指導の地域移行のお話を聞き、今まで待ち望んでおりました。
活動可能曜日は、土日祝。
お時間や条件は要相談でお願いいたします。</t>
    <phoneticPr fontId="1"/>
  </si>
  <si>
    <t>2012年から2013年
公立高校陸上競技部コーチとして指導
2013年から2016年
民間企業にて陸上競技を指導</t>
    <phoneticPr fontId="1"/>
  </si>
  <si>
    <t>中学校での部活動指導以外に、小学生と高校生の指導経験があります。
指導した生徒の中には、県大会出場者もいます。
平日も活動可能です。</t>
    <phoneticPr fontId="1"/>
  </si>
  <si>
    <t>JDAC認定ダンス指導員初級
JDAC認定ダンス指導員2級</t>
    <phoneticPr fontId="1"/>
  </si>
  <si>
    <t>・avex artist academy 特待生オーディション合格
・『サンリオダンスコンテスト関東大会 2013』優勝(全国大会出場権獲得)
・『サンリオダンスコンテスト関東大会 2014』優勝(全国大会出場権獲得)
・ツアー型ダンスコンテスト JSDA 主催
『D-1 オールジャパンストリートダンスコンテスト』(東京代表)全国大会 3 位
→E X I L E『Choo Choo TRAIN』PV 出演
→E X I L E 日本武道館ライブ同行出演(OP アクト)
→E X I L E ライブアリーナツアー全国同行出演(OP アクト・Choo Choo TRAIN・Kiss you) →ミュージックステーション 出演
→HEY!HEY! HEY!MUSIC CHAMP 出演
→NHK紅白歌合戦 出演
→劇団EXILEミュージカル 出演
→三代目 J Soul Brothers ライブツアー同行出演(サポートダンサー)
・日本最大級オーディション番組出演
→6000人から 101 人に選出され半年間の練習生を経験
→GYAO!放送・T B S 放送
→練習生として 50 媒体を超えるメディア・イベント出演
・スタジオコンサルティング
・大手保育企業キッズダンス開発
・インターナショナルスクール PE ダンス講師
・『アイドルソロクイーンコンテスト 2021』全国大会ダンス審査員
・『アイドルソロクイーンコンテスト 2022』全国大会ダンス審査員
・『アイドルソロクイーンコンテスト 2023』全国大会ダンス審査員
・港区公立小学校、中学校指導
→港区ダンス大会 小学校部門金賞(優勝)、中学校部門銀賞(準優勝)
・アーティスト、YouTuber、アイドル振り付け指導</t>
    <phoneticPr fontId="1"/>
  </si>
  <si>
    <t>初めまして。
様々な経験を部活動で頑張る子ども達に伝えていきたいと思い、登録させていただきました。
ジャンルはK-POPとHIP-HOPになります。
今まで500人以上の生徒を指導し、
様々な環境で楽しさを感じていただきました。
初心者から上級者まで対応可能で、
週末の土日に部活を頑張りたい学校も可能です。
よろしくお願い申し上げます。</t>
    <phoneticPr fontId="1"/>
  </si>
  <si>
    <t>日本サッカー協会公認C級コーチ
日本サッカー協会公認ゴールキーパーレベル1コーチ
サッカー2級審判員
サッカー3級審判インストラクター</t>
    <phoneticPr fontId="1"/>
  </si>
  <si>
    <t>自己PR（指導方法について）
・多くの競技の中から折角ソフトテニスを選んでいただいたのでソフトテニスの面白さ、楽しさをもっと感じていただきたい。
・生徒の目標に対して少しでも近づけるように技術的、精神的、体力的なことを伸ばしてあげたい。
・少しでも人間形成のお役に立ちたい、またそれに伴い自己の指導力の向上を図りたい。
※活動可能な曜日・時間帯、希望する勤務条件（交通費・報酬等)については要相談とさせてください。</t>
    <phoneticPr fontId="1"/>
  </si>
  <si>
    <t>「指導歴」
1981年～1985年：静岡市のソフト協会によるスクールにおいて中学校生、高校生、一般の指導を行う。
1986年～1990年：名古屋市の所属団体にて一般の方への指導を行う。
1991年～2016年：藤沢市の所属団体「浜砂クラブ」のスクールで小学生、中学生の指導を実施。</t>
    <phoneticPr fontId="1"/>
  </si>
  <si>
    <t>JSPO（ソフトテニスコーチ3、アシスタントマネージャー）
日本ソフトテニス連盟マスターアンパイア</t>
    <phoneticPr fontId="1"/>
  </si>
  <si>
    <t>相模原ラグビースクール指導員1995ｰ2020
相模台工業高校・神奈川総合産業高校ラグビー部部活指導補助1990ｰ2017</t>
    <phoneticPr fontId="1"/>
  </si>
  <si>
    <t>・勝利至上主義よりの脱却、ノーサインで自分で状況判断をする考える野球をモットーとして現在指導しております。
・活動は現状は土日祝祭日となります。</t>
    <phoneticPr fontId="1"/>
  </si>
  <si>
    <t>地域総合型スポーツクラブにおいて
・平成17年から平成28年、令和4年から現在小学生部をコーチとして指導
・平成29年から30年社会人部で硬式野球監督として指導</t>
    <phoneticPr fontId="1"/>
  </si>
  <si>
    <t>(1)学校名：横浜市立神奈川中学校
競技等：バドミントン部・吹奏楽部 指導
指導時期：令和3年8月～令和4年3月
(2)学校名：横浜市立十日市場中学校
競技等：吹奏楽部 指導
指導時期：令和4年4月～令和5年3月
(3)学校名：横浜市立鴨志田中学校
競技等：吹奏楽部 指導
指導時期：令和5年4月～令和6年3月</t>
    <phoneticPr fontId="1"/>
  </si>
  <si>
    <t>09027666483</t>
  </si>
  <si>
    <t>hamamotoken@hotmail.co.jp</t>
  </si>
  <si>
    <t>剣道</t>
  </si>
  <si>
    <t>横浜市（全域）／相模原市（全域）／平塚市／藤沢市／小田原市／秦野市／厚木市／海老名市／座間市／南足柄市／中井町／大井町／松田町／山北町／開成町／愛川町／清川村</t>
  </si>
  <si>
    <t>JFA公認指導者　C級コーチ</t>
  </si>
  <si>
    <t>2017年-2024年現在　ヴェルディ相模原で指導</t>
  </si>
  <si>
    <t>08020693180</t>
  </si>
  <si>
    <t>suenodeportes@gmail.com</t>
  </si>
  <si>
    <t>その他(ゴルフ)</t>
  </si>
  <si>
    <t>横浜市（全域）／川崎市（全域）／茅ヶ崎市</t>
  </si>
  <si>
    <t>0356562871</t>
  </si>
  <si>
    <t>kidsgolfinfo@golfdigest.co.jp</t>
  </si>
  <si>
    <t>その他(トライアスロン，水泳，自転車，長距離走)</t>
  </si>
  <si>
    <t>横浜市(東部の区(それ以外は要相談))／川崎市(南部の区(それ以外は要相談))</t>
  </si>
  <si>
    <t>JSPO（トライアスロン）コーチ１</t>
  </si>
  <si>
    <t>横浜市(緑区青葉区)／川崎市(麻生区宮前区多摩区)／相模原市（全域）／大和市</t>
  </si>
  <si>
    <t>日本スポーツ協会公認コーチ2 卓球</t>
  </si>
  <si>
    <t>09060411753</t>
  </si>
  <si>
    <t>ko.angler.xx@gmail.com</t>
  </si>
  <si>
    <t>茅ヶ崎市／寒川町</t>
  </si>
  <si>
    <t>ohse80@hotmail.com</t>
  </si>
  <si>
    <t>横浜市（全域）／川崎市（全域）／相模原市（全域）／藤沢市／茅ヶ崎市／厚木市／大和市／海老名市／座間市／綾瀬市／寒川町</t>
  </si>
  <si>
    <t>trinity.bbs@icloud.com</t>
  </si>
  <si>
    <t>軟式野球／ソフトテニス</t>
  </si>
  <si>
    <t>横浜市（全域）／川崎市(相鉄線から直通線で行ける範囲)／藤沢市／大和市／海老名市</t>
  </si>
  <si>
    <t>その他(バトントワリング、初級チアダンス、初級チアリーディング)</t>
  </si>
  <si>
    <t>横浜市（全域）／横須賀市／鎌倉市／逗子市</t>
  </si>
  <si>
    <t>日本バトン協会公認指導員、UPAチアリーディングジャッジ</t>
  </si>
  <si>
    <t>活動曜日、時間、条件（報酬）は相談後調整させていただければと思います。</t>
  </si>
  <si>
    <t>横浜市(金沢区・磯子区・港南区・栄区)</t>
  </si>
  <si>
    <t>ソフトテニス／硬式テニス</t>
  </si>
  <si>
    <t>茅ヶ崎市</t>
  </si>
  <si>
    <t>vyb04715@gmail.com</t>
  </si>
  <si>
    <t>サッカー／その他(ノルディックウォーキング)</t>
  </si>
  <si>
    <t>横浜市(西区、神奈川区、保土ヶ谷区)</t>
  </si>
  <si>
    <t>JSPO（軟式野球）コーチ１
全日本野球協会公認野球指導者 基礎I U-12、U-15</t>
    <phoneticPr fontId="1"/>
  </si>
  <si>
    <t>平成１９年～平成２１年　社会人野球クラブチーム 　NAGOYA２３ コーチ。
平成２４年～平成２５年　愛知県東郷町立諸輪中学校　軟式野球部顧問。
令和３年～令和４年　千葉県明聖高等学校　硬式野球部外部指導員。
令和２年～令和５年　東京都国分寺市立第一中学校　軟式野球部部活動指導員。
平成２６年～令和６年　野球個人指導業　小学生～成人の方、計７０人以上（継続中）。</t>
    <phoneticPr fontId="1"/>
  </si>
  <si>
    <t>２０１５年～２０１８年　JGTOツアープレーヤーとして活動
２０１８年からゴルフコーチとして活動
２０２４年１月からゴルフダイジェスト・オンライン、キッズゴルフでコーチ登録</t>
    <phoneticPr fontId="1"/>
  </si>
  <si>
    <t>指導歴：なし
市民トライアスリート歴：37年
審判員歴：28年
審判員資格：日本トライアスロン連合公認審判員　第１種
　　　　　　ワールドトライアスロン公認Technical Official　Level1</t>
    <phoneticPr fontId="1"/>
  </si>
  <si>
    <t>超多忙な教育現場の改善に貢献したいと考えています。
高齢ですが、それゆえ比較的自由に時間をとれます。
選手の自主性を高めるよう活動したいと考えます.</t>
    <phoneticPr fontId="1"/>
  </si>
  <si>
    <t>職業は消防士で非番や休日を利用し活動したいと思います。
隔日勤務なので平日や土日も活動できますのでよろしくお願いします。</t>
    <phoneticPr fontId="1"/>
  </si>
  <si>
    <t>町田市立町田第一中学校卓球
部活動指導員　令和三年から令和六年</t>
    <phoneticPr fontId="1"/>
  </si>
  <si>
    <t>日本ラグビーフットボール協会公認A級コーチ/JSPOラグビーフットボールコーチ3
日本コオーディネーショントレーニング協会　普及員</t>
    <phoneticPr fontId="1"/>
  </si>
  <si>
    <t>バスケットボールで世界を笑顔で繋げる。をライフワークに活動しています。
日頃よりバスケットボールを通じて、まずは好きなことを全力で努力することを学び、スポーツの楽しさや厳しさの中から心と身体の育成に努めています。
活動日や時間帯などはその都度ご相談させていただきます。</t>
    <phoneticPr fontId="1"/>
  </si>
  <si>
    <t>令和3年4月から令和5年12月
私立横浜清風高校男子バスケット部でスキルコーチ
令和6年1月から現在
私立東海大相模高校女子バスケット部でスキルコーチ
その他全国の大学、高校からの依頼を受けて出張し指導中。
スペシャルオリンピックス日本にてユニファイドバスケットボール日本代表監督（2015年ロサンゼルス世界大会）</t>
    <phoneticPr fontId="1"/>
  </si>
  <si>
    <t>〇スポーツコーチングリーダー　日本スポーツ協会
〇部活動指導員検定3級　日本部活動指導研究協会</t>
    <phoneticPr fontId="1"/>
  </si>
  <si>
    <t>褒めて伸ばすことを基本として、安全に、楽しく、正しくをモットーに活動しております。
また、コロナで失った若者の経験の機会を増やしたく、考えております。
できれば、部活動指導員を希望します。
学生の集団活動、若い時期の成功体験は、中高生の成長にとって重要と考えております。
活動可能日：土曜日、日曜日、祝日
勤務条件：交通費が出ればありがたいです。
どうぞ、よろしくお願いいたします。</t>
    <phoneticPr fontId="1"/>
  </si>
  <si>
    <t>バトントワリング
競技団体にて平成元年～現在まで指導
平成6年から現在県内高等学校部活動でバトントワリング、ポンポン、チアリーディング指導</t>
    <phoneticPr fontId="1"/>
  </si>
  <si>
    <t>住所：金沢区
年齢：2024年4月現在44歳
家族：妻・長男（中学3年）・長女（小学6年）
曜日：土曜・日曜・祝日（平日：会社勤務のため不可）
時間帯：指定なし
報酬・交通費：希望（ご依頼内容によりご相談させて頂けると幸いです）
指導方針：サッカーを通じて人生を学ぶこと、サッカーを楽しむこと、子ども達の性格や個性を尊重すること、保護者も含めてOne（ワン）チームになること「One for all All for one」</t>
    <phoneticPr fontId="1"/>
  </si>
  <si>
    <t>・2021年に退職後、入社以来　40年余り続けていた硬式テニスのこれからの人生での係わり方を模索中にNPO法人でのテニス教室のコーチ（球出し？）と出会い　幅広い年代の教室（小学生から90代）でレッスン約2年間経過、継続中</t>
    <phoneticPr fontId="1"/>
  </si>
  <si>
    <t>ソフトテニス：大学４年間専門部として活動（1976年～1980年）
硬式テニス；卒業後、趣味として活動継続（1980年～）
　　　　　　会社リタイア後、地域のNPO法人に所属し、地域の成人、小学生のテニス教室を実施（2022年9月～）</t>
    <phoneticPr fontId="1"/>
  </si>
  <si>
    <t>・JSPO
資格名：スポーツコーチングリーダー　取得年月：2023年04月01日
資格名：テニスコーチ1（2023年10月講習修了：合格）　取得見込年月：2024年10月
・神奈川県テニス協会
資格名：公認指導員　取得年月：2024年04月01日</t>
    <phoneticPr fontId="1"/>
  </si>
  <si>
    <t>地域活動と学校部活動との連携によるエコシステムを構築できればと思っております。</t>
    <phoneticPr fontId="1"/>
  </si>
  <si>
    <t>軟式野球
小学3年～現在も草野球チームでプレー
硬式テニス
大学4年間プレー
指導歴
2013年～2016年　若竹ミニバスケットボールクラブにてアシスタントコーチとして指導
　　　　　　　　　当時はＤ級ライセンスを取得
2017年～2018年　本宿中学校ソフトテニス部にて顧問の教員から依頼されボランティアとして指導
2023年～2024年　港南台第一中学校ソフトテニス部にて、部活動指導員として指導
　　　　　　　　　男子県大会出場　女子市大会ベスト16</t>
    <phoneticPr fontId="1"/>
  </si>
  <si>
    <t>【活動歴】
小学2年～6年
藤沢市内少年サッカーチームでサッカーを経験。（キャプテンを経験）
中学1年～3年
藤沢市立中学校でサッカーを経験。（キャプテン・部長を経験）
高校1年～3年
神奈川県立高等学校でサッカーを経験。（キャプテン・部長を経験）
【指導歴】
2015年4月～2022年3月
金沢区内少年サッカーチームで親コーチとして7年間指導を経験。
（Aチーム：金沢区大会優勝経験あり、Bチーム：あすなろ大会優勝経験あり）
2016年12月
JFA公認C級コーチライセンスを取得。
（過去の経験による指導ではなく、未来につながる最新の指導を学ぶべくライセンス取得を志す）
2022年4月～2024年4月（現在）
金沢区内横浜市立中学校で外部コーチとして2年間指導を経験、現在継続中。
2024年3月
JFA公認B級コーチライセンスを取得。
（サッカーを通じて地域社会に貢献したい、また、適切な技術指導・戦術指導・コミュニケーションで子ども達に夢を持つことの大切さや自分らしさという個性に自信を持ってもらいたいという思いから、上位ライセンス取得を志す）</t>
    <phoneticPr fontId="1"/>
  </si>
  <si>
    <t>JSPO（バスケットボール）コーチ１</t>
    <phoneticPr fontId="1"/>
  </si>
  <si>
    <t>[指導歴］
愛知学院大学ラグビー部　FWコーチ（2005-2006）
早稲田大学ラグビー蹴球部 ポジションコーチ（2011）
県立柏陽高校ラグビー部 部活動インストラクターとしてFWを指導（2008-2010/3）
県立湘南高校ラグビー部 部活動インストラクターとしてチームを指導（2010/4-2023/1）
一般社団法人　茅ヶ崎ラグビースクール 　理事　コーチ
2015年～現在　3年生～6年生のヘッドコーチ
2018年～現在　副校長</t>
    <phoneticPr fontId="1"/>
  </si>
  <si>
    <t>（株）ゴルフダイジェスト・オンラインが運営する小学生～中学生を対象としたゴルフレッスンを実施します。
レッスン内容は練習場での団体レッスン、ゴルフ場本コースを使ったラウンドレッスンや長期休暇を利用したゴルフ合宿なども実施しています。
ゴルフというスポーツは、あまり身近ではなく敷居が高いというイメージを持たれがちですが、クラブ活動、習い事として気軽にゴルフに触れてもらい、ゴルフを通じてマナーや協調性などを身につけてもらえるレッスンをご提供します。
＜実施する活動内容＞
・茅ヶ崎市にあるGDO茅ヶ崎ゴルフリンクスを利用したゴルフレッスンや子供たちが楽しめるイベント
・練習場を利用したゴルフレッスン
・学校でのゴルフレッスン
※レッスン内容やレッスン日程などは、ご希望にあわせて検討させていただきますので、ご気軽にご連絡ください。</t>
    <phoneticPr fontId="1"/>
  </si>
  <si>
    <t>アメリカの大学に野球留学経験あり。様々な世代、年代の野球の指導経験あり。特技は野球動作分析・改善で、独学で学び、論理的・科学的根拠から、効率的な野球の動作を指導可能。</t>
    <phoneticPr fontId="1"/>
  </si>
  <si>
    <t>横浜市(金沢区、磯子区、栄区、港南区)</t>
  </si>
  <si>
    <t>0457016039</t>
  </si>
  <si>
    <t>k-ysato@tbz.t-com.ne.jp</t>
  </si>
  <si>
    <t>09054914726</t>
  </si>
  <si>
    <t>namiki0616@gmail.com</t>
  </si>
  <si>
    <t>09n12y.nk.5167@gmail.com</t>
  </si>
  <si>
    <t>横浜市（全域）／川崎市（全域）／相模原市（全域）／厚木市／大和市／伊勢原市／海老名市／座間市／綾瀬市</t>
  </si>
  <si>
    <t>tasuku_yamaguchi@icloud.com</t>
  </si>
  <si>
    <t>吹奏楽／その他(マーチング)</t>
  </si>
  <si>
    <t>鎌倉市／逗子市／葉山町</t>
  </si>
  <si>
    <t>ano.koudaimama.1104@icloud.com</t>
  </si>
  <si>
    <t>吹奏楽／その他(オーケストラ、金管バンド)</t>
  </si>
  <si>
    <t>横浜市（全域）／横須賀市／鎌倉市／藤沢市／茅ヶ崎市／逗子市／葉山町</t>
  </si>
  <si>
    <t>08020755779</t>
  </si>
  <si>
    <t>trombone.okapi@icloud.com</t>
  </si>
  <si>
    <t>JFA公認B級コーチ（サッカー）</t>
    <phoneticPr fontId="1"/>
  </si>
  <si>
    <t>日本バスケットボール協会Ａ級コーチ
日本スポーツ協会公認ｽﾎﾟｰﾂ指導者（ﾊﾞｽｹｯﾄﾎﾞｰﾙ上級ｺｰﾁ）</t>
    <phoneticPr fontId="1"/>
  </si>
  <si>
    <t>（1）
学校名：横浜市立金沢高校
競技等：バスケットボール
指導時期：昭和53年(1978年)4月～平成19年(2007年)3月、平成30年(2018年)4月～平成31年(2019年）3月
（2）
学校名：県立追浜高校（定時制）
競技等：（1）と同じ
指導時期：平成20年(2008年)8月～平成22年(2010年)3月
（3）
学校名：県立荏田高校
競技名：（1）と同じ
指導時期：平成22年(2010年)8月～平成23年(2011年）3月
（4）
学校名：横浜市立野庭中学校
競技名：（1）と同じ
指導時期：平成27年(2015年)5月～平成30年(2018年)3月
（5）
地域クラブ名：大道ミニバスケットボールクラブ
競技名：（1）と同じ
指導時期：平成25年(2013年)4月～現在継続中</t>
    <phoneticPr fontId="1"/>
  </si>
  <si>
    <t>＊現在77歳ですが、指導については元気に対応できます。
＊永年バスケットボールに携わってきましたが、基本は「楽しく、元気に」を目的に指導してきました。
＊特に、バスケットボールの基本から技術の習得迄まで、「底辺拡大」を目的に行っています。</t>
    <phoneticPr fontId="1"/>
  </si>
  <si>
    <t>JFAコーチングライセンスC
JFAレフリーライセンス3級
JFAフットサルレフリーライセンス4級
ブラジルフットサルライセンス
救急法救急員
その他</t>
    <phoneticPr fontId="1"/>
  </si>
  <si>
    <t>1.平成31年4月から令和2年3月　神奈川県立厚木高等学校男子ソフトテニス部の部活動指導員。
2.令和5年7月から令和6年3月　横浜市立上飯田中学校女子ソフトテニス部の外部指導者。</t>
    <phoneticPr fontId="1"/>
  </si>
  <si>
    <t>主に金管楽器指導がメイン
平日可能(夕方)
土日祝日要相談
報酬は学校などによって予算が違うと思いますので相談で決めたいです。</t>
    <phoneticPr fontId="1"/>
  </si>
  <si>
    <t>学校名：神奈川県立中央農業高等学校
競技等：サッカー
指導時期：2009年4月から2010年3月
学校名：麻溝台高等学校
競技等：サッカー
指導時期：2010年4月から2011年3月
クラブ名：チャンプSC（幼児から中学生）
競技等：サッカー
指導時期：2002年4月から2004年3月・2019年4月から現在
クラブ名：パルピターレサッカースクール（小学生から中学生）
競技等：サッカー
指導時期：2004年4月から2006年3月
クラブ名：anthem soccer club
競技等：サッカー
指導時期：2004年8月～現在
その他</t>
    <phoneticPr fontId="1"/>
  </si>
  <si>
    <t>【自己PR】
今導者と導者として恩返しをしたいと考えています。指導経験は豊富です。近年は神奈川県立厚木高等学校男子ソフトテニス部と横浜市立上飯田中学校女子ソフトテニス部の指導経験があります。
また、選手として高校時代は神奈川県大会優勝を収めた実績があります。豊富な指導経験と選手としての実績はお役に立てれるかと存じます。
私は、ソフトテニスを通じて生徒の健全な成長と技能の向上を目指したいと考えてます。指導方針は運動学などに基づいた指導からレクリエーションなども幅広く対応できます。また、小規模の大会運営もマネジメント経験があります。
今までの経験や経歴から教育課程の観点からも生徒にアプローチできるかと存じます。
【活動可能な曜日】
・火曜日・水曜日・土曜日（午後）・日曜日　※他曜日調整可能
【希望】
・車通勤希望。時給1800円以上。</t>
    <phoneticPr fontId="1"/>
  </si>
  <si>
    <t>平成26年3月から現在
湘南ドルフィンズで指導
令和2年6月から現在
鎌倉市立深沢中学校吹部指導</t>
    <phoneticPr fontId="1"/>
  </si>
  <si>
    <t>神奈川県鎌倉市出身。
鎌倉市立御成中学校　吹奏楽部
横浜市立戸塚高等学校　吹奏楽部
東京音楽大学　音楽学部音楽学科器楽専攻　卒
第14回日本トロンボーン学生音楽コンクール奨励賞。
第32回日本クラシック音楽コンクールトロンボーン部門大学の部第3位。
これまでにトロンボーンを新田幹男、野々下興一の両氏に師事。
トロンボーンで音楽活動を続けながら、主に中学校の吹奏楽部の指導も行っている。
令和２年１０月　鎌倉市立御成中学校吹奏楽部　トロンボーンパート、セクション、アンサンブルコンテストの指導
令和３年７月　板橋区立第三中学校吹奏楽部　トロンボーンパートの指導
令和３年１２月、令和４年１月、６月、９月、１０月、令和５年１０月　横浜市立市ヶ尾中学校吹奏楽部
トロンボーンパート、アンサンブルコンテストの指導</t>
    <phoneticPr fontId="1"/>
  </si>
  <si>
    <t>【条件】
条件につきましては特に希望はございません。月１から週５まで、時間帯などもご都合に合わせて調整可能です。
パート練習、セクション練習、合奏、どのような指導でも可能です。
報酬に関しても特別希望はございませんが、遠方の場合は交通費をいただけますとありがたいです。
【自己PR】
トロンボーンパート、または金管セクションの不定期・単発での指導が主ではありますが、
複数の学校で指導の経験がございます。
回数は少なくなりますが、合奏指導も経験がございます。
教育実習の期間は、吹奏楽部の指導を一部お任せいただきました。
学生時代もリーダーとして合奏を指揮した経験が多数ございます。
昨年度まで東京音楽大学科目等履修生に在籍、アルバイトと並行して音楽活動を行っておりました。
今年度からはフリーランスとなりましたので、指導により一層注力していきたいと考えております。
音楽科の教員免許取得にあたって、学校で吹奏楽部の指導に携わりたい気持ちが、大きなモチベーションとなりました。
また、自分自身の音楽活動の原点も部活動であることから、生徒たちが部活動の経験を通して、
音楽の楽しさ、目標に向かって成長する喜びを体験する一助となれますよう、精一杯努めますので、
どうぞよろしくお願いいたします。</t>
    <phoneticPr fontId="1"/>
  </si>
  <si>
    <t>平塚市／小田原市／秦野市／伊勢原市／南足柄市／二宮町／中井町／大井町／松田町</t>
  </si>
  <si>
    <t>平塚市／藤沢市／小田原市／茅ヶ崎市／秦野市／伊勢原市／寒川町／大磯町／二宮町</t>
  </si>
  <si>
    <t>rootebina@gmail.com</t>
  </si>
  <si>
    <t>幼児から大人まで（高齢者体操含む）サッカーを中心にスポーツ、レクレーションを通して幅広い年代の指導経験があります。
各年代、また個人個人のレベルに応じてアプローチを変えながら、コミュニケーションをとり、課題解決に楽しさを見出させ、上達させながら、心身の成長を促していく指導をしていきます。
また経験してきた中でプロの世界に辿り着いた選手達はどのような取り組み意識で日々を過ごしているかなどの話などを交えながら、夢や目標の話を語り合い、互いに学びのある時間となる事を期待しています。
また指導方針や成果目標などに要望があればそれに応えられるよう柔軟に対応致します。
希望日時
平日　週2回　15時-17時30分頃
土日　どちらか1回　2-3時間</t>
  </si>
  <si>
    <t>男子
大学生：13年
高校生：3年
小学，中学：3年
女子
大学生：2年</t>
    <phoneticPr fontId="1"/>
  </si>
  <si>
    <t>平成２４年から部活動を通じて指導してまいりましたが、競技者が少ない環境で合同チーム等で活動してきました。
一人一人に合わせた指導を心がけ、人数が揃わないながらも、たくさんのチームに支えられ活動してまいりましたので、この経験も糧として活動してまいりたいと思います。
平日１７時以降、土日も終日可能です。</t>
    <phoneticPr fontId="1"/>
  </si>
  <si>
    <t>平成２４年から県立高等学校で部活動顧問として指導</t>
    <phoneticPr fontId="1"/>
  </si>
  <si>
    <t>ＪＢＡ公認Ｅ級コーチ
ＪＢＡ公認Ｅ級審判</t>
    <phoneticPr fontId="1"/>
  </si>
  <si>
    <t>日本サッカー協会公認サッカー指導者ライセンスB級
日本サッカー協会公認フットサル指導者ライセンスC級
公益財団法人日本パラスポーツ協会公認初級パラスポーツ指導員
一般社団法人全日本ノルディックウォーキング連盟公認指導員
中学高教諭一種（保健体育）
高等学校教諭一種（保健体育）
介護予防運動指導員</t>
    <phoneticPr fontId="1"/>
  </si>
  <si>
    <t>JAAF(日本陸連)公認スタートコーチ</t>
  </si>
  <si>
    <t>runtaro.running@gmail.com</t>
  </si>
  <si>
    <t>川崎市(高津区、中原区、宮前区、多摩区)</t>
  </si>
  <si>
    <t>09044373345</t>
  </si>
  <si>
    <t>tomagata1003@gmail.com</t>
  </si>
  <si>
    <t>09086753645</t>
  </si>
  <si>
    <t>okazaki@besabaay.com</t>
  </si>
  <si>
    <t>サッカー／その他(コーディネーショントレーニング)</t>
  </si>
  <si>
    <t>平塚市／小田原市／秦野市／南足柄市／大磯町／二宮町／中井町／大井町／松田町／山北町／開成町／箱根町／真鶴町／湯河原町</t>
  </si>
  <si>
    <t>colors.s.c@gmail.com</t>
  </si>
  <si>
    <t>サッカー／その他(運動全般可能かと思われます)</t>
    <phoneticPr fontId="1"/>
  </si>
  <si>
    <t>2001年～積水化学陸上部
全日本実業団女子駅伝出場2回
2006年～2010年TOTO陸上部
全日本実業団女子駅伝出場2回</t>
    <phoneticPr fontId="1"/>
  </si>
  <si>
    <t>「中学校部活動における陸上競技指導の手引き」などのガイドラインを踏まえ、陸上競技の多様な体の動きを楽しみながら身に着けられるように指導を進めます。土日の練習への出張の他、オンラインによるミーティングや練習日誌を利用した適切な練習計画と評価(フィードバック)の支援も行っています。その他、各学校のご要望に合わせて提案いたします。詳細はウェブサイト（https://runtaro.com）をご覧ください。</t>
    <phoneticPr fontId="1"/>
  </si>
  <si>
    <t>WEBサイトからお問い合わせください。
https://runtaro.com</t>
    <phoneticPr fontId="1"/>
  </si>
  <si>
    <t>平日、15～17時は活動可能</t>
    <phoneticPr fontId="1"/>
  </si>
  <si>
    <t>2008年から高津FCで指導、幼児年代から最高学年（6年）まで、全学年の指導実績あり_x000D_
現在も継続中</t>
    <phoneticPr fontId="1"/>
  </si>
  <si>
    <t>JFA公認サッカー指導者C級ライセンス</t>
    <phoneticPr fontId="1"/>
  </si>
  <si>
    <t>横浜市（全域）／川崎市（全域）／相模原市（全域）</t>
    <phoneticPr fontId="1"/>
  </si>
  <si>
    <t>NSCA-CPT
NSCA-CSCS
健康運動指導士
NASM-PES
NESTAスポーツパフォーマンススペシャリスト
JSPO子ども身体運動発達指導士
JSPOスポーツコーチングリーダー
JTTMAタイ古式マッサージ
健康経営アドバイザー
保健体育科教員免許</t>
    <phoneticPr fontId="1"/>
  </si>
  <si>
    <t>高山西高校（岐阜県）
陸上部
2023年9月から現在
国府ジュニア陸上クラブ、新友陸上クラブなどでも指導経験あり</t>
    <phoneticPr fontId="1"/>
  </si>
  <si>
    <t>1987年鹿児島生まれ。幼少期から陸上、スキー、自転車、水泳、野球、セパタクローなど様々なスポーツを経験。国立体育大学卒業後、フィットネスベンチャー企業へ。2012年に独立し、その後は「RIZAPプログラム開発&amp;教育担当」や「FiNCアドバイザー」としても活動。
2015年に「可能性を広げる」をテーマに、パーソナルジム「Sharez」を立ち上げる。Sharezでは、 パーソナルトレーニングだけでなく、スポーツ指導や企業フィットネス、セミナーなど幅広い事業を行い、地域社会への貢献を目指している。
 また、トレーナー業やジムの店舗展開だけでなく、メディア出演や多数の事業経験を持ち、1人何役もこなす、フィットネス業界の「ユーティリティプレイヤー的存在」としても活動中。
 2013年ベストボディジャパン東京大会優勝、2018年NewsPicks起業家グランプリ「メイクマネー」ファイナリスト、2018年ASACアクセラレータープログラム第6期選出などの受賞歴がある。</t>
    <phoneticPr fontId="1"/>
  </si>
  <si>
    <t>20年以上に渡り、サッカー育成年代の指導に携わり、クラブでの活動以外でも郡市・県トレセンにも関わりを持ちながら活動してきました。
ただ、サッカーが上手くなるだけでなく、人との関わり方や考える力などを育て、子供達の人間性の成長も意識した指導を心掛けてきました。
どうぞ宜しくお願い致します。</t>
    <phoneticPr fontId="1"/>
  </si>
  <si>
    <t>サッカー（３種：中学生、４種：小学生）
2002～2014　崇善FC（平塚市４種）
2013～2024　平塚市トレセンU12（平塚市４種）
2014～2024　Colors.Sports.Club（小田原市３・４種）
2017～2024 　神奈川県トレセンU12（神奈川県４種）</t>
    <phoneticPr fontId="1"/>
  </si>
  <si>
    <t>資格名
サッカー JFA  B級コーチ
日本スポーツ協会公認コーチ３
JFA キッズリーダー</t>
    <phoneticPr fontId="1"/>
  </si>
  <si>
    <t>陸上競技／水泳競技／その他(水泳、陸上、フェンシング、射撃、馬術、パラフェンシング、パラ射撃)</t>
  </si>
  <si>
    <t>平塚市／藤沢市／茅ヶ崎市／海老名市／寒川町</t>
  </si>
  <si>
    <t>08056904191</t>
  </si>
  <si>
    <t>tomato3798@yahoo.co.jp</t>
  </si>
  <si>
    <t>09042229639</t>
  </si>
  <si>
    <t>muna@msh.biglobe.ne.jp</t>
  </si>
  <si>
    <t>横浜市（全域）／川崎市（全域）／相模原市（全域）／横須賀市／平塚市／鎌倉市／藤沢市／小田原市／茅ヶ崎市／逗子市／三浦市／秦野市／厚木市／大和市／伊勢原市／海老名市／座間市／南足柄市／綾瀬市／葉山町／寒川町／大磯町／二宮町／箱根町／湯河原町</t>
  </si>
  <si>
    <t>08023791866</t>
  </si>
  <si>
    <t>yamako2031823@icloud.com</t>
  </si>
  <si>
    <t>横浜市（全域）／川崎市（全域）／平塚市／鎌倉市／藤沢市／小田原市／茅ヶ崎市／秦野市／厚木市／大和市／伊勢原市／海老名市</t>
  </si>
  <si>
    <t>陸上競技コーチ１</t>
  </si>
  <si>
    <t>rkoto2810@gmail.com</t>
  </si>
  <si>
    <t>2013年1月に陸上競技クラブチームHappinessACを設立。現在も指導中。
2023年4月からNPO法人ネクストスポーツを設立し、副理事に就任。HappinessACと平行してVIRDSスポーツアカデミーの指導も行っている。
主な指導年代は小学生・中学生・高校生。</t>
    <phoneticPr fontId="1"/>
  </si>
  <si>
    <t>令和元年～令和5年　横須賀・岩戸ミニバスケットクラブで指導。（令和元年～3年：コーチ、令和4年～5年：ヘッドコーチ）</t>
    <phoneticPr fontId="1"/>
  </si>
  <si>
    <t>スポーツトレーナーとして活動していたので、スポーツのケガの対応や復帰までのリハビリも指導できます。
2019年と2021年に小学生の全国大会にて、準優勝した選手を指導していました。
ただ走り込む、辛いだけの練習は行わず、トレーニング科学に沿った指導を行い、成長期特有のケガを予防しながら指導可能です。</t>
    <phoneticPr fontId="1"/>
  </si>
  <si>
    <t>水泳を11才から始め全国ジュニアオリンピック大会優勝を機に、大学では近代五種(馬術、ﾌｪﾝｼﾝｸﾞ、水泳、射撃、陸上)を始めた日本学生選手権優勝。オリンピックを目指しプロとして自衛隊へ入隊。世界選手権、国際大会4回出場、日本選手権6回・最高7位。国内外の大会に出場し現役20年、35才まで競技継続した。
職歴は営業、経理、経営管理を経験。コミュニケーション、道徳、社会性を促し、子供たちに身体を動かす「競い、楽しさ、遊び」だけでなく「観る、応援、共感」する事で本人と友達から学ぶ自己成長の一助となればと考え応募しました。</t>
    <phoneticPr fontId="1"/>
  </si>
  <si>
    <t>神奈川県横浜市出身。洗足学園音楽大学を卒業。
3歳よりピアノを岩元孝子氏に師事。 12歳でトランペットをはじめる。
これまでにトランペットを佛坂咲千生、中山隆崇、川村大の各氏に師事。室内楽を林辰則氏に師事。
自身の演奏活動の傍、後進の育成にも力を注いでおり、全国各地の吹奏楽部の指導など積極的に携わる。
主に吹奏楽における中学・高校への指導のほか、個人レッスンも承っており、音楽高校へ合格者を輩出するなど、幅広く活動をしております。</t>
    <phoneticPr fontId="1"/>
  </si>
  <si>
    <t>現在フリーの演奏家として活動しているため、ご依頼者様のご要望に応じて柔軟に対応することができます。
（平日・土日祝・長期休み期間内で集中的に、等々・・）
まずはどうぞお気軽にご相談頂ければと思います。</t>
    <phoneticPr fontId="1"/>
  </si>
  <si>
    <t>日本バスケットボール協会公認C級コーチ
日本バスケットボール協会公認E級審判</t>
    <phoneticPr fontId="1"/>
  </si>
  <si>
    <t>近代五種国際審判員　2020年12月
初級パラスポーツ指導員　2022年8月
水泳　コーチ1　2023年10月
フェンシング　コーチ1　2024年4月
神奈川県地域クラブ指導者研修　2024年3月</t>
    <phoneticPr fontId="1"/>
  </si>
  <si>
    <t>(1)_x000D_機関名：自衛隊体育学校
   競技等：近代五種(水泳、陸上、フェンシング、射撃、馬術)
　 指導時期：1988年4月～1989年3月
(2)_x000D_機関名：私立拓殖大学
　 競技等：近代五種(水泳、陸上、フェンシング、射撃、馬術)
　 指導時期：1989年4月～1999年3月
(3)_x000D_機関名：ウォーターメイツスイムクラブ
　 競技等：低学年、障害者水泳
　 指導時期：2023年4月～2024年4月
(4)_x000D_機関名：江戸川フェンシング協会
　 競技等：健常者、障害者フェンシング/エペ
　 指導時期：2023年4月～現在
(5)_x000D_機関名：神奈川県高座郡寒川町スポーツ推進委員会
　 競技等：高齢者レクリエーションスポーツ指導
　 指導時期：2022年4月～現在</t>
    <phoneticPr fontId="1"/>
  </si>
  <si>
    <t>分かりやすく丁寧な指導で評価されています。
これまでも子ども達が主体的に取り組むことのできるチーム作りを心がけて指導を行ってきました。
また、私はバスケットボール指導者ですが、バスケットボールというスポーツが日々進歩していく特性を持つことから、日頃から常に自身をアップデートしていくように心がけています。
（最新情報の収集、講習会などの受講）
また、現在も自分自身バスケットボールをプレイしています。
平日は会社員として勤務していますので、土日祝日での指導が基本となるかと思います。</t>
    <phoneticPr fontId="1"/>
  </si>
  <si>
    <t>横浜市</t>
  </si>
  <si>
    <t>9年</t>
  </si>
  <si>
    <t>私は元々スポーツが苦手で嫌いでした。指導経験はないですが、できない子の気持ちになって指導することが出来ます。全力で頑張ります。</t>
  </si>
  <si>
    <t>横浜市／ 川崎市</t>
  </si>
  <si>
    <t>１年未満</t>
  </si>
  <si>
    <t>ゴールキーパーの指導の経験もあります。</t>
  </si>
  <si>
    <t>sp23m07o@ust.oin.ac.jp</t>
  </si>
  <si>
    <t>軟式野球, 硬式野球, ソフトボール</t>
  </si>
  <si>
    <t>横浜市／ 相模原市／ 厚木市／ 伊勢原市／ 海老名市</t>
  </si>
  <si>
    <t>地域部活動指導者資格</t>
  </si>
  <si>
    <t>軟式野球 中学3年間 大学2年間
硬式野球 高校3年間
ソフトボール 小学生 5年間 大学 1年間</t>
  </si>
  <si>
    <t>相模原市</t>
  </si>
  <si>
    <t>特になし。</t>
  </si>
  <si>
    <t>指導歴なし。
高等学校3年間選手として活動</t>
  </si>
  <si>
    <t>１６年</t>
  </si>
  <si>
    <t>川崎市</t>
  </si>
  <si>
    <t>剣道四段</t>
  </si>
  <si>
    <t xml:space="preserve">宮前少年剣友会　5年所属
宮前平中学校剣道部　3年所属
駒澤大学高等学校剣道部　3年所属
ボランティアによる後輩指導　1年
</t>
  </si>
  <si>
    <t>剣道の技術向上を望む人の手助けになれればと思います。</t>
  </si>
  <si>
    <t>marukote0807@icloud.com</t>
  </si>
  <si>
    <t>競技歴は少ないですが、中学時代に全国大会に出た経験があります。何事も全力で取り組みます。</t>
  </si>
  <si>
    <t>k23e061u@ust.toin.ac.jp</t>
  </si>
  <si>
    <t>軟式野球, 硬式野球</t>
  </si>
  <si>
    <t>横浜市／ 川崎市／ 相模原市／ 平塚市／ 鎌倉市／ 藤沢市／ 厚木市／ 大和市／ 海老名市／ 座間市／ 綾瀬市</t>
  </si>
  <si>
    <t>軟式少年野球4年間
中学軟式野球部所属3年間
高校公式野球部3年間
大学軟式野球部2年間(現役)</t>
  </si>
  <si>
    <t>野球は大好きです。
野球の楽しさを教えて行きたいです。</t>
  </si>
  <si>
    <t>s22k068s@ust.toin.ac.jp</t>
  </si>
  <si>
    <t>陸上競技, 軟式野球, 硬式野球</t>
  </si>
  <si>
    <t>横浜市／ 川崎市／ 相模原市／ 平塚市／ 小田原市／ 秦野市／ 厚木市／ 大和市／ 伊勢原市／ 海老名市／ 座間市／ 南足柄市／ 綾瀬市／ 松田町／ 愛川町／ 清川村</t>
  </si>
  <si>
    <t>女子野球をずっとやってきました。教えることは好きです。</t>
  </si>
  <si>
    <t>水泳競技, バレーボール</t>
  </si>
  <si>
    <t>バレーボール　半年</t>
  </si>
  <si>
    <t>元気いっぱい。
子どもに寄り添うことができる。
水泳では、小学校の時にJOCで優勝経験あり</t>
  </si>
  <si>
    <t>野球に対する熱意は人一倍あります！</t>
  </si>
  <si>
    <t>小田原市／ 茅ヶ崎市／ 秦野市／ 厚木市／ 大和市／ 伊勢原市／ 海老名市／ 座間市／ 綾瀬市／ 寒川町／ 大磯町／ 二宮町／ 大井町／ 松田町／ 山北町／ 開成町／ 愛川町／ 清川村</t>
  </si>
  <si>
    <t>中学校保健体育、高等学校保健体育教員免許</t>
  </si>
  <si>
    <t>野球活動歴１０年
霧が丘高校野球部インストラクター２年</t>
  </si>
  <si>
    <t>明るく元気をモットーにがんばります。</t>
  </si>
  <si>
    <t>4年</t>
  </si>
  <si>
    <t>その他（ダンス）</t>
  </si>
  <si>
    <t>1年</t>
  </si>
  <si>
    <t>3年</t>
  </si>
  <si>
    <t>幼稚園入園前から高校卒業まで水泳を15年程競技として活動し、大学入学後は指導者として2年間地域スポーツクラブで経験を積んでいます。</t>
  </si>
  <si>
    <t>厚木市</t>
  </si>
  <si>
    <t>私の長所はコミュニケーション能力があることです。高校の頃から近くの中学生にバスケを教えることがあり、その時から誰とでもコミュニケーションを取ることができるようになりました。このコミュニケーション能力を活かして指導者となったら頑張っていきたいと思います。</t>
  </si>
  <si>
    <t>相模原市／藤沢市</t>
  </si>
  <si>
    <t>水泳競技, バスケットボール</t>
  </si>
  <si>
    <t>水泳 指導歴あり バスケットボール 指導歴なし</t>
  </si>
  <si>
    <t>私は競技者を第一に考え、指導致します。</t>
  </si>
  <si>
    <t>kouhei.0604@icloud.com</t>
  </si>
  <si>
    <t>2004miiiiina@gmail.com</t>
  </si>
  <si>
    <t>認定ダンス指導員</t>
  </si>
  <si>
    <t>全国大会8位
サークルでのジャンルリーダー</t>
  </si>
  <si>
    <t>Lockダンスを中心に様々なジャンルを習っています。見ても踊っても楽しいダンスを作品を部活動の雰囲気作りをめざしてます。</t>
  </si>
  <si>
    <t>横浜市／ 川崎市／ 相模原市</t>
  </si>
  <si>
    <t>小学校４年間、中学３年間、高校３年、大学４年間活動</t>
  </si>
  <si>
    <t>横浜市／ 相模原市</t>
  </si>
  <si>
    <t>小学校1年生から剣道を続けており、現在は大学部活動において主将として活動しています。</t>
  </si>
  <si>
    <t>uekendotakeru@gmail.com</t>
  </si>
  <si>
    <t>中学校の外部指導員を8ヶ月</t>
  </si>
  <si>
    <t>子供達に楽しくスポーツをしてもらいたい気持ちを持って活動しています！</t>
  </si>
  <si>
    <t>横浜市／ 横須賀市</t>
  </si>
  <si>
    <t>４年</t>
  </si>
  <si>
    <t>個人の生徒に寄り添い指導を行える</t>
  </si>
  <si>
    <t>明るく子供達と接することができます。よろしくお願いします。</t>
  </si>
  <si>
    <t>軟式野球, バレーボール</t>
  </si>
  <si>
    <t>横浜市／ 川崎市／ 相模原市／ 大和市／ 座間市</t>
  </si>
  <si>
    <t>野球→小学校5.6年、中学校2.3年
バレーボール→中学校1年、高校1.2.3年
バレーボール指導→女子バレー3年間、男子バレー2年間</t>
  </si>
  <si>
    <t>私は昔からスポーツが好きで、空き時間ができればすぐにスポーツをしていました。私はコミュニケーション力や周りをよく観察し動かしていく、また自ら行動していくことを得意としています。部活動引退後も、学校部活動の指導者として学校現場には関わらせてもらっています。このように自分の長所を活かしつつスポーツに関わっていきたいと思っています。</t>
  </si>
  <si>
    <t>秦野市</t>
  </si>
  <si>
    <t>公認柔道指導資格　C指導員・C審判員</t>
  </si>
  <si>
    <t>柔道を長年行い、現在、地域部活動の外部指導として2年ほど指導をさせていただいております。つきましては、中学校の部活動に外部指導者として指導を行っています。現在、大学4年生になり、来年には、就職[現在、保健体育科の中学校教員を目指しています]になります。</t>
  </si>
  <si>
    <t>藤沢市／ 大和市／ 海老名市／ 綾瀬市</t>
  </si>
  <si>
    <t>ベーシックセブンインストラクター</t>
  </si>
  <si>
    <t>高校生時代に前衛と後衛両方のポジションで県大会出場しています。そのため両ポジションの知識をある程度有しています。
指導経験は無いですが生徒のためにできる限りの事は尽くします。よろしくお願いします。</t>
  </si>
  <si>
    <t>藤沢市</t>
  </si>
  <si>
    <t>活動歴8年</t>
  </si>
  <si>
    <t>生徒とコミュニケーションを取りながらどのようなチームにしたいかを考えながら活動していこうと思います。</t>
  </si>
  <si>
    <t>kouuu710@gmail.com</t>
  </si>
  <si>
    <t>部活動を指導した経験はありませんが、全力で指導をしたいです。
サッカーは大学でサークルに入って少しやっているので多少は動けるかと思います。
よろしくお願いします。</t>
  </si>
  <si>
    <t>中高７年間競技歴あり
中高（横浜市・川崎市）部活動指導経験あり
計４年ほど</t>
  </si>
  <si>
    <t>投擲種目を中心に競技を行ってきて、中高では市での優勝経験あり。中学での最高結果は、女子砲丸投げ、県で５位。高校での最高結果は、女子ハンマー投げで県優勝、大会新記録保持（現在も保持中）、関東大会出場。
陸上競技を中高強豪校で行ってきて様々な知識や交友関係がある。
小中高の免許取得（令和７年３月末見込み）</t>
  </si>
  <si>
    <t>無し</t>
  </si>
  <si>
    <t>負けず嫌い</t>
  </si>
  <si>
    <t>11年</t>
  </si>
  <si>
    <t>指導歴はありません。</t>
  </si>
  <si>
    <t>私は小学6年生から高校3年生まで選手としてバスケットボールに関わってきました。過去には県大会に出場した経験があります。バスケットボールは大好きで実際にバスケットボールすることはもちろん。ミニ、中学、高校、大学、プロなど様々なカテゴリーの試合をYouTubeやバスケットライブでみています。
今回、指導者としてバスケットボールに関わっていきます。初めての経験で不安はありますが生徒の充実したスポーツ活動（バスケットボール人生）のため。また、生徒の人間性を育成し社会に通用する人間にするために最善を尽くします。
よろしくお願いします！！</t>
  </si>
  <si>
    <t>tvh06876@gmail.com</t>
  </si>
  <si>
    <t>横浜市／ 大和市</t>
  </si>
  <si>
    <t>軟式野球(中学校) 3年</t>
  </si>
  <si>
    <t>大野北柔道部
麻布大学附属高等学校柔道部
柳川塾(生徒兼指導者)</t>
  </si>
  <si>
    <t>川崎市／ 相模原市</t>
  </si>
  <si>
    <t>東京都中学校支部選抜選出
東京都中学校大会ベスト16
東京都高校大会ベスト32</t>
  </si>
  <si>
    <t>自分が経験してきたことを活かして、子供たちにそれを伝えていきたいです。</t>
  </si>
  <si>
    <t>指導歴なし</t>
  </si>
  <si>
    <t>私は責任感を持って行動することです。
中高と部活動の主将や大学でも連盟委員、会計を選手をやりながら行っています。チームが勝つためやチームとして過ごしやすいような環境作りを行ったり大会への出場登録などチームに必要な係を任されているので責任をもって行動していることから私の自己PRは責任をもって行動することです。</t>
  </si>
  <si>
    <t>横須賀市／ 三浦市</t>
  </si>
  <si>
    <t>jba公認E級コーチ</t>
  </si>
  <si>
    <t>活動歴6年、指導歴3年目</t>
  </si>
  <si>
    <t>私は大学1年生の時から高校の母校のバスケットボール部でインストラクターをしています。練習で技術と知識について指導をしており、実際に公式試合ではベンチコーチをしたり、審判をしたりとさまざまな経験を積み重ねてきました。勝ち負けは確かに重要ですがそれ以上にバスケットボールを楽しんでもらえるような指導を心がけています。よろしくお願い致します。</t>
  </si>
  <si>
    <t>横浜市／ 相模原市／ 横須賀市／ 平塚市／ 厚木市／ 海老名市／ 座間市／ 愛川町／ 清川村</t>
  </si>
  <si>
    <t>幼稚園-厚木サンフラワーズ入団
小学1年-上古沢ヤンチャーズに改名
中学1年-荻野中学入部　県央大会3位
高校1年-厚木北高校に入学入部　夏の全国高校野球神奈川県大会ベスト16</t>
  </si>
  <si>
    <t>高校まで野球を経験し今は地域の草野球チームに入っています！野球の技術面や先輩との接し方の疑問など子供達が将来野球していてよかったと思えるような指導を心がけて行きたいと思っています！よろしくお願いします。</t>
  </si>
  <si>
    <t>硬式野球 指導 3年間</t>
  </si>
  <si>
    <t>私の自己PRは周りを見て行動することです。
私は軟式野球部に所属しており指導者が居ない中で自分に何ができるかや他人の良いところを伸ばすためにアドバイスを行ったりチームが勝つためにチームメイトのいい所をみて個性を伸ばすことが出来ます。プライベートでも友達が考えていることなど理解できるように気を配り行動することが出来ます。</t>
  </si>
  <si>
    <t>自分は責任感があります、高校時代サッカー部の部長を勤めてました、その経験を活かしていきたいと思います</t>
  </si>
  <si>
    <t>活動は小学校6年、中学3年、高校3年、計12年
指導歴はなし。</t>
  </si>
  <si>
    <t>サッカーでは主にゴールキーパーとして活動してきました。ゴールキーパーの専門的な指導が可能です。</t>
  </si>
  <si>
    <t>k23e062o@ust.toin.ac.jp</t>
  </si>
  <si>
    <t>サッカー, バドミントン</t>
  </si>
  <si>
    <t>横浜市／ 藤沢市／ 大和市</t>
  </si>
  <si>
    <t>私の強みは、フレンドリーな所です。どんな人でも話しかけることが好きなので明るく楽しい部活を掲げて、競技の魅力を存分に教えて行きたいと考えています。</t>
  </si>
  <si>
    <t>korokoro.msen@icloud.com</t>
  </si>
  <si>
    <t>sayusayu0702@icloud.com</t>
  </si>
  <si>
    <t>ryrs.nasu@gmail.com</t>
  </si>
  <si>
    <t>JFA公認/C級コーチ
JFA公認/サッカー＆フットサル４級審判員
JFA公認/スポーツマネージャーカレッジG2
JWFL公認/ウォーキングフットボールコーディネーター
JIFF公認/障がい者サッカー普及リーダー
JSPO公認/アシスタントマネジャー
JSPO公認/スポーツコーチングリーダー
JSPA公認/初級パラスポーツ指導員（元/静岡県障がい者スポーツ協会巡回指導員）
SSA公認/クラブマネジャー
NEAL公認/自然体験活動指導者
NCAJ公認/キャンプインストラクター
JOA公認/ナヴィゲーションスキルブロンズ
STAR公認/スポーツリズムディフューザー
STAR公認/ リズムステップディフューザー
JRI４級アマチュア無線技士
 TENSAY公認/QET身体調律トレーナー
skinstretch公認/スキンストレッチ（上級）レベル３トレーナー</t>
  </si>
  <si>
    <t>1991年JFA/C級コーチ取得　焼津信金サッカー部（社会人県1部）藤枝SC/U15&amp;U12 ・藤枝トレセンU12 ・榛原高校女子サッカー部・藤枝明誠SC/U12・藤枝順心高校・藤枝順心SC/U15&amp;U12・</t>
  </si>
  <si>
    <t>静岡県藤枝市在住です。横浜市を選択してありますが諸々未確定ですスミマセン</t>
  </si>
  <si>
    <t>to14shi@gmail.com</t>
  </si>
  <si>
    <t>横浜市／ 鎌倉市／ 藤沢市／ 茅ヶ崎市／ 寒川町</t>
  </si>
  <si>
    <t>JSPO軟式野球コーチ3、BFJ公認野球指導者基礎I U-15、全日本軟式野球連盟公認学童コーチ、スポーツリズムトレーニングディフューザー、JSAスポーツマンシップコーチ</t>
  </si>
  <si>
    <t>26年</t>
  </si>
  <si>
    <t>常にアップデート、インプットをしています。野球を生涯スポーツとして楽しむ土台を作ります。</t>
  </si>
  <si>
    <t>4050484001@jcom.home.ne.jp</t>
  </si>
  <si>
    <t>横浜市／ 川崎市／ 相模原市／ 藤沢市</t>
  </si>
  <si>
    <t>水泳公認競技役員　C級審判</t>
  </si>
  <si>
    <t>2年</t>
  </si>
  <si>
    <t>kazu_swim_413@icloud.com</t>
  </si>
  <si>
    <t>私は12年間野球を続けて、選手としても指導者としても活動をしてきました。将来教員となり、部活動の指導もしたいと思っています。</t>
  </si>
  <si>
    <t>一年</t>
  </si>
  <si>
    <t>小学校の頃からバスケットボールをしていて、大学入学してから現在、クラブと中学校の指導、トレーナーをしています。</t>
  </si>
  <si>
    <t>m.matsumoto1123@icloud.com</t>
  </si>
  <si>
    <t>テニスコーチ歴32年</t>
  </si>
  <si>
    <t>部活を指導して24年になります。のべ6校の指導を承ってまいりました。</t>
  </si>
  <si>
    <t xml:space="preserve">小学校3年 金子少年イーグルス所属
金子中学校 軟式野球部所属
埼玉県立豊岡高校 硬式野球部所属
</t>
  </si>
  <si>
    <t>私の強みは、忍耐強さと他人の気持ちを読む力です。小学校教員免許と中高の体育免許を取得見込みであり、長年の野球経験を通じて困難な状況でも粘り強く努力する力を培いました。また、チームスポーツを通じて他人の感情を理解し、適切にサポートするスキルを身につけました。これらの強みを活かし、教育現場で生徒たちの成長をサポートし、共に学びながら成長していきたいと考えています。</t>
  </si>
  <si>
    <t>s21k094s@ust.toin.ac.jp</t>
  </si>
  <si>
    <t>平塚市／ 鎌倉市／ 藤沢市／ 茅ヶ崎市／ 座間市</t>
  </si>
  <si>
    <t>8年</t>
  </si>
  <si>
    <t>高校時代にサッカー部で、選手権神奈川県予選ベスト8になりました。指導者としては、中学高校の外部指導をしていて、中学生は、神奈川県大会で準優勝の成績を収めました。</t>
  </si>
  <si>
    <t>yuta.4153.soccer@icloud.com</t>
  </si>
  <si>
    <t>アシスタントコーチ</t>
  </si>
  <si>
    <t>横浜市(鶴見区・神奈川区)</t>
  </si>
  <si>
    <t>JSPO 軟式野球 コーチ１</t>
  </si>
  <si>
    <t>平成18年～現在　横浜市の少年野球チームで指導</t>
  </si>
  <si>
    <t>横浜市(鶴見区)</t>
  </si>
  <si>
    <t>JSPO 水泳コーチ１</t>
  </si>
  <si>
    <t>現況、雇用延長勤務中なので、依頼されて即対応することは難しいが、その辺りは要相談していけばクリア出来るかと思います。</t>
  </si>
  <si>
    <t>08013241223</t>
  </si>
  <si>
    <t>ida_papa_0928@docomonet.jp</t>
  </si>
  <si>
    <t>全国JOC大会出場
県大会入賞
市大会入賞
区大会優勝</t>
    <phoneticPr fontId="1"/>
  </si>
  <si>
    <t>2007年から2011年　横浜市中区
サッカースクール指導（未就学児・幼児・小学生）
2011年から2015年　東京都立川市
サッカークラブ指導
ジュニア統括（小学生1から6年）
ジュニアユース（中学生1からの3年）
2015年から2019年　横浜市
社会人サッカー指導　県一部
神奈川県成年国体帯同スタッフ
2019年から2021年　横浜市中区
サッカークラブU12担当
区選抜チームスタッフ</t>
    <phoneticPr fontId="1"/>
  </si>
  <si>
    <t>平塚市／ 秦野市／ 伊勢原市</t>
  </si>
  <si>
    <t>元気があります。キーパーをしていました。</t>
  </si>
  <si>
    <t>吹奏楽, 合唱, その他(オーケストラ)</t>
  </si>
  <si>
    <t>横浜市／ 川崎市／ 相模原市／ 横須賀市／ 平塚市／ 鎌倉市／ 藤沢市／ 小田原市／ 茅ヶ崎市／ 逗子市／ 三浦市／ 秦野市／ 厚木市／ 大和市／ 伊勢原市／ 海老名市／ 座間市／ 南足柄市／ 綾瀬市／ 葉山町／ 寒川町／ 大磯町／ 二宮町／ 中井町／ 大井町／ 松田町／ 山北町／ 開成町／ 箱根町／ 真鶴町／ 湯河原町／ 愛川町／ 清川村</t>
  </si>
  <si>
    <t>sunny321fl@gmail.com</t>
  </si>
  <si>
    <t>11年</t>
    <phoneticPr fontId="1"/>
  </si>
  <si>
    <t>横浜市（全域）／川崎市（全域）／相模原市（全域）／厚木市／海老名市／座間市</t>
  </si>
  <si>
    <t>ホッケー</t>
  </si>
  <si>
    <t>横浜市(青葉区・都筑区・緑区)／川崎市(麻生区・高津区)</t>
  </si>
  <si>
    <t>09016592219</t>
  </si>
  <si>
    <t>kasiwada5421@gmail.com</t>
  </si>
  <si>
    <t>自然科学、科学・技術</t>
  </si>
  <si>
    <t>横浜市（全域）／川崎市（全域）／横須賀市／藤沢市</t>
  </si>
  <si>
    <t>0455823087</t>
  </si>
  <si>
    <t>itaru@m5.dion.ne.jp</t>
  </si>
  <si>
    <t>平成22年～継続中　　　FC湘南辻堂スポーツ少年団で指導。　小学生少女担当
令和6年4月～継続中　　湘洋中学校 女子サッカー部</t>
    <phoneticPr fontId="1"/>
  </si>
  <si>
    <t>日本サッカー協会公認C級コーチ</t>
    <phoneticPr fontId="1"/>
  </si>
  <si>
    <t>令和4年7月～令和5年7月　川崎市　旭倶楽部ジュニアーズ（U9）コーチ
令和5年8月～現在　川崎市　KJF（川崎ジュニアフットボールクラブ）コーチ　※指導中</t>
    <phoneticPr fontId="1"/>
  </si>
  <si>
    <t>まだまだ経験も少ないですが、指導者不足でお困りがございましたら、お気軽にご相談下さい。</t>
    <phoneticPr fontId="1"/>
  </si>
  <si>
    <t>7.showa@gmail.com</t>
    <phoneticPr fontId="1"/>
  </si>
  <si>
    <t>JSPO（ホッケー）コーチ３</t>
    <phoneticPr fontId="1"/>
  </si>
  <si>
    <t>２０１４年から２０１６年　鳥取ホッケークラブ（地域クラブ）で指導。
２０１５年から２０１６年　鳥取県立八頭高等学校でホッケー部の部活動指導員。
２０１４年から現在　　鳥取県トップアスリートバンク派遣事業　登録アスリート。
２０２２年７月　　　　　　品川区親子deホッケー教室・ゲスト出演
https://www.city.shinagawa.tokyo.jp/PC/shinagawaphotonews/shinagawaphotonews-2022/20220706192244.html
２０２２年７月３０、３１日　山形県スポーツタレントYAMAGATA ドリームキッズ発掘事業・ホッケー講師
https://www.y-dreamkids.jp/index.php
２０２３年１１月　　　　　公益財団法人日本オリンピック委員会・オリンピックデーラン長野大会・ゲスト出演
https://www.joc.or.jp/event/dayrun</t>
    <phoneticPr fontId="1"/>
  </si>
  <si>
    <t>活動可能な曜日・時間帯等、その時々により状況変更の可能性がありますので指導開始日までに話し合いやご連絡が取り合えれば、と思います。どうぞ宜しくお願い致します。</t>
    <phoneticPr fontId="1"/>
  </si>
  <si>
    <t>令和4年1月から令和4年3月まで、江東区の中学校にて音楽部を指導。
その他、関東の中学校・高等学校にてオーボエのパートレッスンを随時行っている。</t>
    <phoneticPr fontId="1"/>
  </si>
  <si>
    <t>専門は木管楽器のオーボエです。中学・高校時代に吹奏楽部で学んだことや、音楽大学にてオーケストラや室内楽などのアンサンブルで得た知識と経験をもとに指導にあたります。</t>
    <phoneticPr fontId="1"/>
  </si>
  <si>
    <t>１９９１年３月東京藝術大学音楽学部器楽科卒業
これまでにテューバを稲川榮一、故 大石清、八尾健介、Daniel Perantoni、Rex Martinに、室内楽を稲川榮一、守山光三に、指揮法を松尾葉子の各氏に師事
第７回ヤマハ金管新人演奏会出演
ＮＨＫーＦＭデビューリサイタル　オーディション合格
第９回日本管打楽器コンクールテューバ部門第２位受賞
第１５回東関東選抜吹奏楽大会指揮者賞受賞
１９９３年東京シティ・フィルハーモニック管弦楽団に入団、国内外の多くの演奏家、歌劇団、バレエ団に関わる公演に従事する。文化庁による各国相互交流事業の一環であるシンガポール、ロサンゼルス、サンフランシスコ公演にも同行した。
１９９７年7月には同団定期公演にてR.V.ウィリアムズ作曲「バス・テューバと管弦楽のための協奏曲」をソリストとして演奏した。
この他在学中より現在にいたるまでNHK交響楽団、東京都交響楽団、読売日本交響楽団、東京交響楽団、東京フィルハーモニー交響楽団、日本フィルハーモニー交響楽団、新日本フィルハーモニー交響楽団をはじめ、札幌交響楽団、仙台フィルハーモニー管弦楽団、群馬交響楽団、神奈川フィルハーモニー管弦楽団、名古屋フィルハーモニー交響楽団、大阪交響楽団、HYOGO PAC ORCHESTRA、Malaysian Philharmonic Orchestra、東京佼成ウインドオーケストラ、シエナウインドオーケストラなど、常設のオーケストラや吹奏楽団に数多く客演。また、CM、映画、ドラマ等商業音楽のレコーディングに数多く参加している。
２０１１から２０２４年まで日本ユーフォニアム・テューバ協会副理事長（現在は理事）。
第３３、３６、３９回日本管打楽器コンクールテューバ部門審査委員長。
２００２年より名古屋芸術大学音楽領域講師。</t>
    <phoneticPr fontId="1"/>
  </si>
  <si>
    <t>吹奏楽の分野においては中学一年時から活動を始め、現在も演奏家や審査員として活動中。
専門は金管楽器（テューバ）であり、ブリティッシュスタイルの金管バンドの指導も可。またテューバのレッスンも数多く手掛けている。
現役で活動しているため曜日、時間等は相談のうえ柔軟に考えたい。</t>
    <phoneticPr fontId="1"/>
  </si>
  <si>
    <t>・社会科（現代社会、世界史、倫理）ならびに宗教科の教員として中学高校で35年以上教壇に立った。
1993年から2003年まで中学校「情報基礎」の授業を担当した。
・現役教員を退職後、2007年より　NPO「おもしろ科学たんけん工房」に入会。以降現在に至るまでに、小学校4年生～中学校2年生を対象とする「おもしろ科学体験塾」の主任またはアシスタントを数十回つとめている。また小学校の低学年を対象とする「おもしろ科学 for KIDs」の主任ならびにアシスタントを数十回つとめている。
・今回中学校の「科学クラブ」などの支援まで行動領域を拡大することとなり、その窓口として働き、NPO「おもしろ科学たんけん工房」250名のメンバーの協力をもって、科学クラブ支援に当たりたい。</t>
    <phoneticPr fontId="1"/>
  </si>
  <si>
    <t>・科学活動を指導するというより、「科学を生徒とともに楽しむ」という姿勢で臨む。生徒たちが自分たちで研究対象を選び、それをグループで研究活動を行い、結果をプレゼンテーションとして発表するまでを支援する。
・また生徒たちがおもしろ科学たんけん工房の主催する「体験塾」の主任、アシスタントをできるように、また新しいテーマ開発などもできるようにする。体験塾のアイテムは150以上、低学年塾のアイテムは30以上、保有している。これらのアイテムを中学生とともにさらに発展させていき、中学生向けの体験塾のプログラムを開発していく。
・「おもしろ科学たんけん工房」のメンバーにはエンジニアだったものがおおく、とくに「ものづくり」に関わってきた経験をいかし、ユニークな生徒との関係を作り出すことが可能となる。
・希望する勤務条件は特になし。交通費は「たんけん工房」に請求できるので講師派遣料として相応の謝金を「たんけん工房」支払えばよい。
・https://tankenkobo.com/wp/をぜひ参照されたい。そこにこれまでの「おもしろ科学たんけん工房」の活動が満載されている。</t>
    <phoneticPr fontId="1"/>
  </si>
  <si>
    <t>横浜市（全域）／川崎市（全域）／横須賀市／鎌倉市／逗子市／三浦市／葉山町</t>
  </si>
  <si>
    <t>yunomika2@yahoo.co.jp</t>
  </si>
  <si>
    <t>その他(カーリング)</t>
  </si>
  <si>
    <t>横浜市（全域）／川崎市（全域）／相模原市（全域）／横須賀市／平塚市／鎌倉市／茅ヶ崎市</t>
  </si>
  <si>
    <t>カーリング　指導者資格、C級審判</t>
  </si>
  <si>
    <t>fukuyasu1002@yahoo.co.jp</t>
  </si>
  <si>
    <t>横浜市(港北区)／川崎市(高津区　中原区　宮前区)</t>
  </si>
  <si>
    <t>JSPO（バレーボール）コーチ１</t>
  </si>
  <si>
    <t>08021655592</t>
  </si>
  <si>
    <t>その他(フェンシング)</t>
  </si>
  <si>
    <t>フェンシングコーチ1</t>
  </si>
  <si>
    <t>escrime@kzf.biglobe.ne.jp</t>
  </si>
  <si>
    <t>横浜市（全域）／相模原市（全域）／藤沢市／大和市／海老名市／座間市／綾瀬市</t>
  </si>
  <si>
    <t>kenharikyuuin@yahoo.co.jp</t>
  </si>
  <si>
    <t>横浜市(瀬谷区)／大和市</t>
  </si>
  <si>
    <t>JSPO (弓道) コーチ1</t>
  </si>
  <si>
    <t>don_sgr@icloud.com</t>
  </si>
  <si>
    <t>日本スポーツ協会　公認スポーツ指導者　卓球コーチ1</t>
  </si>
  <si>
    <t>kamitaman88@gmail.com</t>
  </si>
  <si>
    <t>小田原市／南足柄市</t>
  </si>
  <si>
    <t>JSPO(バレーボール)コーチ1</t>
  </si>
  <si>
    <t>その他(自転車競技)</t>
  </si>
  <si>
    <t>JSPO（自転車競技）コーチ３</t>
  </si>
  <si>
    <t>相模原市(南区およびその周辺地域)／大和市／座間市／大磯町</t>
  </si>
  <si>
    <t>hsseadviserhsakamoto@gmail.com</t>
  </si>
  <si>
    <t>平塚市／鎌倉市／藤沢市／茅ヶ崎市／寒川町</t>
  </si>
  <si>
    <t>JSPO（卓球）コーチ1</t>
  </si>
  <si>
    <t>09092324481</t>
  </si>
  <si>
    <t>taksim-baba@hotmail.co.jp</t>
  </si>
  <si>
    <t>横須賀市／三浦市</t>
  </si>
  <si>
    <t>取得見込み　令和6年10月　JAAF公認ジュニアコーチ</t>
  </si>
  <si>
    <t>横浜市(栄区)／鎌倉市／藤沢市／逗子市</t>
  </si>
  <si>
    <t>JVA（日本バレーボール協会）バレーボールコーチ1</t>
  </si>
  <si>
    <t>osuyuich@gmail.com</t>
  </si>
  <si>
    <t>横浜市(旭区)</t>
  </si>
  <si>
    <t>og-kyudo@rice.ocn.ne.jp</t>
  </si>
  <si>
    <t>その他(サーフィン)</t>
  </si>
  <si>
    <t>0466350289</t>
  </si>
  <si>
    <t>fitwave@rio.odn.ne.jp</t>
  </si>
  <si>
    <t>陸上競技／ラグビー</t>
  </si>
  <si>
    <t>横浜市（全域）／横須賀市／鎌倉市／藤沢市／逗子市／三浦市／葉山町</t>
  </si>
  <si>
    <t>相模原市(緑区中央区)</t>
  </si>
  <si>
    <t>大和市</t>
  </si>
  <si>
    <t>barnstainnanso0108@nifty.com</t>
  </si>
  <si>
    <t>葉山町</t>
  </si>
  <si>
    <t>sancyan72@gmail.com</t>
  </si>
  <si>
    <t>スキー</t>
  </si>
  <si>
    <t>09024161601</t>
  </si>
  <si>
    <t>JSPO ボクシング コーチ3</t>
  </si>
  <si>
    <t>伊勢原市</t>
  </si>
  <si>
    <t>ifc.forest@gmail.com</t>
  </si>
  <si>
    <t>その他(クレー射撃)</t>
  </si>
  <si>
    <t>0463211236</t>
  </si>
  <si>
    <t>gun-hira@mb.scn-net.ne.jp</t>
  </si>
  <si>
    <t>小田原市／南足柄市／中井町／大井町／松田町／山北町／開成町</t>
  </si>
  <si>
    <t>陸上競技コーチ1</t>
  </si>
  <si>
    <t>09028819086</t>
  </si>
  <si>
    <t>kizuna.kazoku.dream@gmail.com</t>
  </si>
  <si>
    <t>川崎市（全域）</t>
  </si>
  <si>
    <t>tact-izmi@ymail.ne.jp</t>
  </si>
  <si>
    <t>藤沢市／茅ヶ崎市</t>
  </si>
  <si>
    <t>平成１８年～平成１９年　藤沢市立滝の沢中学校でソフトテニス部の部活動指導。</t>
  </si>
  <si>
    <t>相模原市(南区　中央区)</t>
  </si>
  <si>
    <t>公益財団法人全日本剣道連盟　剣道教士七段</t>
  </si>
  <si>
    <t>kuexchan@gmail.com</t>
  </si>
  <si>
    <t>川崎市(高津区、宮前区、多摩区、麻生区)</t>
  </si>
  <si>
    <t>JSPOバレーボールコーチ１</t>
  </si>
  <si>
    <t>その他(銃剣道・短剣道)</t>
  </si>
  <si>
    <t>m_aratani@ezweb.ne.jp</t>
  </si>
  <si>
    <t>横浜市(青葉区・緑区・都筑区・港北区など)／川崎市(宮前区)／相模原市(南区)</t>
  </si>
  <si>
    <t>boku-papasan@docomo.ne.jp</t>
  </si>
  <si>
    <t>横浜市（全域）／横須賀市／鎌倉市／逗子市／三浦市</t>
  </si>
  <si>
    <t>ys019_ys019@yahoo.co.jp</t>
  </si>
  <si>
    <t>東京カーリングクラブで初心者向けの体験会のインストラクターを数年経験
横浜カーリングクラブで自身の子に指導中</t>
    <phoneticPr fontId="1"/>
  </si>
  <si>
    <t>2017年から2020年　東橘中学校バレー部で部員として活動。
2020年から2023年　駒澤大学高等学校バレー部で部員として活動。
2022年から2024年　Club impact で主に中学生を指導。</t>
    <phoneticPr fontId="1"/>
  </si>
  <si>
    <t>令和4年から令和6年　厚木Fencers Silver Chariots で指導</t>
    <phoneticPr fontId="1"/>
  </si>
  <si>
    <t>平成28年から令和3年　大和市弓道協会で弓道教室の講師</t>
    <phoneticPr fontId="1"/>
  </si>
  <si>
    <t>2017年から2020年　藤沢市岸田卓球クラブで指導。
2021年から2023年　寒川町立旭が丘中学校卓球部で指導。</t>
    <phoneticPr fontId="1"/>
  </si>
  <si>
    <t>令和6年7月　令和6年度第１回地域クラブ活動指導者研修講座を受講済み</t>
    <phoneticPr fontId="1"/>
  </si>
  <si>
    <t>昭和５３年から昭和５６年　奈良市立富雄中学校　市中学校大会３位
昭和５６年から昭和５９年　奈良県立奈良高等学校　インターハイ予選県３位　近畿大会出場
平成３年から平成４年　アイルランド国立ダブリン大学　アイルランド大学選手権優勝
平成４年から平成１１年　新宿区翔鳳倶楽部　新宿区大会（６人制　成人の部）優勝２回
平成１７年から平成２０年　オーストラリア Muirfield High School バレーボールクラブで指導。
平成２７年から　東京都立国際高等学校女子バレーボール部で部活指導員</t>
    <phoneticPr fontId="1"/>
  </si>
  <si>
    <t>平成15年～令和６年　葉山剣道会で指導</t>
    <phoneticPr fontId="1"/>
  </si>
  <si>
    <t>昭和４２年より競技を開始し、昭和56年より地域クラブ射撃クラブ「さがみクラブ」指導し現在に至る。また神奈川県クレー射撃協会理事として競技力向上や普及の活動をしている。</t>
    <phoneticPr fontId="1"/>
  </si>
  <si>
    <t>平成29年4月より、小田原市内の陸上クラブで指導。</t>
    <phoneticPr fontId="1"/>
  </si>
  <si>
    <t>2014年～現在　川崎市小学生バレーボール連盟所属
神木本町バレーボール部（女子）にてコーチとして指導を行う。</t>
    <phoneticPr fontId="1"/>
  </si>
  <si>
    <t>昭和64年から現在　国士舘大学銃剣道部でOBコーチとして指導。</t>
    <phoneticPr fontId="1"/>
  </si>
  <si>
    <t>平成23年～令和4年　小学生バレーボールクラブ（女子）を指導</t>
    <phoneticPr fontId="1"/>
  </si>
  <si>
    <t>普段は普通の製造業の会社員なので、平日は無理です。土日祝は、たまになら考えますが、毎週などは無理です。</t>
    <phoneticPr fontId="1"/>
  </si>
  <si>
    <t>●陸上競技の短距離及び走り幅跳びの指導をしています。
●柔道整復師と鍼灸師の国家資格の医療知識を活かし、選手の身体的機能を高めて競技力の向上に貢献しています。
●20年以上にわたり現在も整形外科及び整骨院に勤務しており、怪我の予防や治療に取り組み選手たちが常に最高の状態で競技に臨めるように取り組んでおります。
●活動可能日　終日：水曜日、日曜日、祝日
　　　　　　　午後3時以降：月、火、木、金、土曜日</t>
    <phoneticPr fontId="1"/>
  </si>
  <si>
    <t>横須賀　三浦学苑高等学校卓球部卒
JSPO卓球コーチ1取得
活動可能:土曜日、日曜日、祝日
勤務条件:時給要相談</t>
    <phoneticPr fontId="1"/>
  </si>
  <si>
    <t>子供たちとのコミュニケーションを大切にします。
希望学年：小学生および中学生
活動可能な曜日：土日祝日および平日。
現在指導しているスポーツクラブとバッティングするときは調整させてください。</t>
    <phoneticPr fontId="1"/>
  </si>
  <si>
    <t>現在都立高校勤務のため、すぐには動けませんが、将来的に地元鎌倉市（もしくは近隣市町村）で中、高のバレーボール指導に当たりたいと考えております。自分自身、昭和のバレーボール部における理不尽な暴力指導の「犠牲者」でもあり、そういった指導を学生バレーボールの世界から一掃するための活動に携わりたいと考えております。</t>
    <phoneticPr fontId="1"/>
  </si>
  <si>
    <t>平日午後１５時～
週１回</t>
    <phoneticPr fontId="1"/>
  </si>
  <si>
    <t>指導者歴が浅くて古いため、指導補助的な活動を希望します。活動可能な曜日・時間帯については、完全リタイアの身なので特に指定はありません。</t>
    <phoneticPr fontId="1"/>
  </si>
  <si>
    <t>小学生バレーボールの指導をしております。
未経験の選手に技術指導をする事が得意です。
活動可能な曜日ですが
土曜日　９：００～１２：００
になります。
報酬等は必要ありません。</t>
    <phoneticPr fontId="1"/>
  </si>
  <si>
    <t>女子チームの指導が得意です。
活動可能日：土日祝　（平日夜間は活動場所によります）
勤務条件：無報酬（交通費はあると嬉しいです）</t>
    <phoneticPr fontId="1"/>
  </si>
  <si>
    <t>2003年よりフリーランスの音楽家として、作編曲、クラリネット指導、吹奏楽部指導、演奏活動を行う。
過去に指導に携わった学校：神奈川県立鶴見高等学校、町田市立成瀬台中、川崎市立塚腰中、川崎市立はるひ野中、横浜市立樽町中、高田中、都岡中、万騎が原中、川和中、美しが丘中、上郷中、港南中、横浜吉田中、庄戸中、各パート指導及び全体合奏指導
現在は横浜市部活動指導員（吹奏楽部）として、横浜市立都岡中にパイロット指導員として勤務し、全ての楽器の奏法指導、引率、コンクールの指揮などを担当する。</t>
    <phoneticPr fontId="1"/>
  </si>
  <si>
    <t>平成8年11月～現在　神奈川県演劇連盟所属の劇団横濱にゅうくりあにて劇団活動（現在は副代表）
平成18年　横須賀市の外部指導員として追浜中学演劇部を指導。（同時に大津中学校も無償にて支援）
平成19年　神奈川県主催・第１回高校生のための芝居塾の担当劇団（当時代表）として募集にて集まった高校生を指導</t>
    <phoneticPr fontId="1"/>
  </si>
  <si>
    <t>現在、横浜市部活動指導員として吹奏楽部を指導しています。
生徒の出席率が上がる部活動運営、時短でできるブレストレーニング、サウンドトレーニングや、各楽器実演を交えての奏法チェックなど生徒のレベルに寄り添った指導が可能です。
またコンクール、コンサートの選曲のご相談もお任せください。
勤務条件：平日は午後、土日祝は午前から対応可能です。
報酬につきましてはご相談ください。</t>
    <phoneticPr fontId="1"/>
  </si>
  <si>
    <t>昭和61年9月から平成元年12月
レックテニススクール及び小平テニスクラブで小学生、中学生、初心者クラスでテニス指導</t>
    <phoneticPr fontId="1"/>
  </si>
  <si>
    <t>競技歴
昭和53年～平成3年　市立東名中学、県立海老名高等学校、日本体育大学
令和元年～現在　神奈川マスターズ
指導歴
昭和61年～平成6年　県立海老名高等学校、県立有馬高等学校
平成7年～現在　競技場にて個人指導</t>
    <phoneticPr fontId="1"/>
  </si>
  <si>
    <t>JSPO（陸上競技）コーチ１
日本陸上競技連盟（JAAF）公認ジュニアコーチ</t>
    <phoneticPr fontId="1"/>
  </si>
  <si>
    <t>・日本スポーツ協会公認コーチ2 卓球
・特定非営利活動法人日本卓球療法協会卓球療法士インストラクター
・高等学校教諭一種免許状（工業）</t>
    <phoneticPr fontId="1"/>
  </si>
  <si>
    <t>2009年～現在　横須賀の陸上スクールで小学校5，6年生を指導
2019年～現在　よこすか総合地域スポーツクラブで小学校1～6年生の陸上を指導</t>
    <phoneticPr fontId="1"/>
  </si>
  <si>
    <t>弓道コーチ１
全日本弓道連盟審査委員、競技審判委員</t>
    <phoneticPr fontId="1"/>
  </si>
  <si>
    <t>弓道
平成３０年～令和６年　県立希望が丘高校にて弓道コーチ</t>
    <phoneticPr fontId="1"/>
  </si>
  <si>
    <t>スポーツプログラマー
ジュニアスポーツ指導員
日本スポーツ協会
日本サーフィン連盟２級取得
日本サーフィン連盟C級ジャッジ取得</t>
    <phoneticPr fontId="1"/>
  </si>
  <si>
    <t>令和元年４月～１０月　茅ケ崎スポーツ少年団　茅ヶ崎B.Gサーフィンアカデミーに指導
令和２年４月～１０月　茅ケ崎スポーツ少年団　茅ヶ崎B.Gサーフィンアカデミーに指導</t>
    <phoneticPr fontId="1"/>
  </si>
  <si>
    <t>JSPO ラグビーフットボールコーチ３
日本ラグビーフットボール協会　A級コーチ資格</t>
    <phoneticPr fontId="1"/>
  </si>
  <si>
    <t>平成１３年～平成３０年　横須賀市ラグビースクールで指導
平成２５年～令和６年　神奈川県ラグビー協会コーチ委員会委員（継続中）</t>
    <phoneticPr fontId="1"/>
  </si>
  <si>
    <t>JSPO（弓道）コーチ1
全日本弓道連盟　錬士五段</t>
    <phoneticPr fontId="1"/>
  </si>
  <si>
    <t>JSPO:スキー、スノーボードコーチ２、全日本スキー連盟正指導員</t>
    <phoneticPr fontId="1"/>
  </si>
  <si>
    <t>クレー射撃コーチ1（日本スポーツ協会）
射撃指導員（神奈川県公安委員会）</t>
    <phoneticPr fontId="1"/>
  </si>
  <si>
    <t>JSPO（陸上競技）スタートコーチ
全日本陸上連盟　スタートコーチ</t>
    <phoneticPr fontId="1"/>
  </si>
  <si>
    <t>学校名：神奈川県立麻生高校
競技等：陸上競技
指導時期：平成25年4月～令和5年3月31日
団体名：kawasaki sports dreamers
対象：川崎市内の小学生
競技等：陸上競技
指導期間：令和1年4月～</t>
    <phoneticPr fontId="1"/>
  </si>
  <si>
    <t>【剣道】
昭和46年（1971年）より今日に至るまで、平塚市南部剣道スポーツ少年団指導員
平成8年  （1996年）より平成16年まで相模原市立相模台中学校剣道部外部指導員
その他、不定期に相模原市立中学校、神奈川県立高校にて1日剣道講習を実施
現在、相模原市南区在住により、令和6年4月より、相模原市剣道連盟傘下・桜台剣友会にて小学生を剣道指導
平塚市・相模原市主催の市剣道大会、相模原市中体連剣道大会等、審判主任、審判員として活動</t>
    <phoneticPr fontId="1"/>
  </si>
  <si>
    <t>JSPO（銃剣道）コーチ１
全日本銃剣道連盟　教士７段</t>
    <phoneticPr fontId="1"/>
  </si>
  <si>
    <t>主に以下の方を対象者に考えています。
　・卓球未経験者
　・心や身体にストレスや悩みをかかえている方
　・疲れやすい身体を改善したいと思っている方
曜日・時間帯：平日および土日（ご本人・地域・学校側と相談の上決定したいと思います）</t>
    <phoneticPr fontId="1"/>
  </si>
  <si>
    <t>自己PR
サーフィンの為のフィジカルトレーニングと技術指導を結び付けて行うことが出来ることが自分の指導の強みです。
活動可能な曜日、時間
いつでも調整可能です
勤務条件
ありません
報酬等
希望はありません</t>
    <phoneticPr fontId="1"/>
  </si>
  <si>
    <t>【自己について】
現在はラグビーに携わり、コーチ資格を取る過程で、JSPO、ワールドラグビーが推奨するプレーヤズセンタードの理解を深めることでコーチングの基本を学び、日本ラグビー協会のA級コーチ資格を取得する過程でも同様なことに加えて、コーチングのスキル、アプローチと様々なことを学び実践することでプレーヤーの成長、自分のコーチとしての成長につなげてきています。現在は仕事もあり、その仕事においてもコーチングで学んだことを生かし、人財育成、チーム作りに役立てている。
陸上競技については、高校で３年間（短距離ハードル投擲）、早稲田大学競走部で４年間（投擲やり投げ）を選手として経験し、深くかかわったことから陸上競技についても指導可能と書いています。
【活動可能な曜日】
仕事が休みの土曜日、日曜日の午前午後
【希望する勤務条件について】
希望はないです。実際に話があった際に確認をさせていただきます。</t>
    <phoneticPr fontId="1"/>
  </si>
  <si>
    <t>とにかく選手の皆さんが、楽しく継続して競技ができるよう、サポートさせていただきたいと思っております。
活動は土曜日、日曜日、祝日が理想です。
できればボランティアとして活動を希望します。
よろしくお願い致します。</t>
    <phoneticPr fontId="1"/>
  </si>
  <si>
    <t>有</t>
    <phoneticPr fontId="1"/>
  </si>
  <si>
    <t>令和3年（2021年）12月定年退職するまで全日本剣道連盟国際部兼国際剣道連盟/FIK職員として勤務。
世界剣道選手権大会開催、剣道指導者の海外派遣、外務省を通じて剣道具海外寄贈事業、男子強化合宿等の業務を担当。
中学生の剣道指導に於いては、子どもの人格を尊重し、敬語を使い、公平に接します。部活動は一人一人が主役であり、褒めて育てることを旨としています。学校教育の一環であり、保護者の方にも安心して任せて頂けるよう安全面に留意します。特に夏場の熱中症対策、竹刀破損による怪我や事故等を未然に防ぐよう心掛けます。
剣道では「子弟同行」という訓えがあります。教えることは学ぶことでもあり、子弟共々高め合うという意味です。
_x000D_活動可能な時間帯は、基本、平日（月）～（金）の放課後、土曜日午前中ですが、ご依頼先の実情により相談に応じます。
希望する勤務条件（報酬等）：私からの要望は特にありません。交通費実費程度あれば結構です。依頼される方のご事情に応じます。</t>
    <phoneticPr fontId="1"/>
  </si>
  <si>
    <t>自己ＰＲ：横浜で活動する劇団横濱にゅうくりあの副代表です。劇団の所属する神奈川県演劇連盟では副理事長をしております。_x000D_民間企業で仕事をする傍ら、劇団活動を足掛け28年継続しています。一時的に劇団代表経験もあります。平成18年には、横須賀市の外部指導員として追浜中学校演劇部の指導を経験しています。活動中にお困りごとの相談をいただいた大津中学校演劇部についても同時に指導させていただきました。平成19年には、神奈川県主催・第１回高校生のための芝居塾の担当劇団代表として募集にて集まった17名の高校生を指導しております。
活動可能な曜日・時間帯：劇団活動や仕事の都合もありますが、土日および夜間であれば可能です。_x000D_また、大会など集中して活動が必要な場合は、事前に相談いただければ会社の休暇を取得するなどで対応可能です。
希望報酬：活動の頻度や規模によりますが、実費交通費のみ頂戴できればと存じます。</t>
    <phoneticPr fontId="1"/>
  </si>
  <si>
    <t>茅ヶ崎市／厚木市</t>
  </si>
  <si>
    <t>aki.shun.aoi.yuma@gmail.com</t>
  </si>
  <si>
    <t>横浜市(港北区)</t>
  </si>
  <si>
    <t>09086787628</t>
  </si>
  <si>
    <t>kazpoo22mcz@gmail.com</t>
  </si>
  <si>
    <t>空手／その他(キックボクシング・ムエタイ)</t>
  </si>
  <si>
    <t>相模原市（全域）／厚木市／大和市／海老名市／座間市／愛川町</t>
  </si>
  <si>
    <t>0427048461</t>
  </si>
  <si>
    <t>abs@wind.ocn.ne.jp</t>
  </si>
  <si>
    <t>オフィシャルＬＩＮＥ　＠vjt3967x</t>
  </si>
  <si>
    <t>横浜市(港南区、南区、戸塚区、)</t>
  </si>
  <si>
    <t>09047537414</t>
  </si>
  <si>
    <t>usui-h@tanabe-net.co.jp</t>
  </si>
  <si>
    <t>横浜市（全域）／横須賀市／鎌倉市／藤沢市／茅ヶ崎市／逗子市／三浦市</t>
  </si>
  <si>
    <t>sazanami.1714@gmail.com</t>
  </si>
  <si>
    <t>平成元年～平成30年　母校にてバドミントン部の指導</t>
    <phoneticPr fontId="1"/>
  </si>
  <si>
    <t>平成２７年から湘南台クラブ（小学生チーム）で指導。</t>
    <phoneticPr fontId="1"/>
  </si>
  <si>
    <t>2018年より　湘南台ハンドボールクラブにて、指導、帯同審判員</t>
    <phoneticPr fontId="1"/>
  </si>
  <si>
    <t>JSPO（ソフトテニス）コーチ１</t>
    <phoneticPr fontId="1"/>
  </si>
  <si>
    <t>JSPO　ハンドボール　コーチ3</t>
    <phoneticPr fontId="1"/>
  </si>
  <si>
    <t>JSPOアシスタントマネジャー
JSPOジュニアスポーツ指導員
JSCAマスター上級スポーツクラブマネジャー
JSCAマスター子ども身体運動発達指導士</t>
    <phoneticPr fontId="1"/>
  </si>
  <si>
    <t>なし</t>
    <phoneticPr fontId="1"/>
  </si>
  <si>
    <t>資格名：公認ハンドボールスタートコーチ</t>
    <phoneticPr fontId="1"/>
  </si>
  <si>
    <t>JSPO（弓道）コーチ１</t>
    <phoneticPr fontId="1"/>
  </si>
  <si>
    <t>ハンドボールスタートコーチ</t>
    <phoneticPr fontId="1"/>
  </si>
  <si>
    <t>平成6年4月～19年3月　國學院大學ソフトテニス部コーチ
平成23年4月～　厚木市睦合中学校女子ソフトテニス部　部活動指導協力者
平成28年4月～　神奈川県立鶴嶺高校ソフトテニス部　外部インストラクター</t>
    <phoneticPr fontId="1"/>
  </si>
  <si>
    <t>平成２８年～平成３０年　神代高校　ハンドボール部で活動
平成３１年～令和４年　　日本体育大学　ハンドボール部で活動</t>
    <phoneticPr fontId="1"/>
  </si>
  <si>
    <t>2000～2004 長野県町道場で少年空手指導員
2014～2024 神奈川県で空手・その他競技の総監督及び指導</t>
    <phoneticPr fontId="1"/>
  </si>
  <si>
    <t>横須賀Dreamスポーツ少年団
ソフトテニス
令和3年4月～
綾瀬チャレンジクラブ
ソフトテニス
令和5年10月～</t>
    <phoneticPr fontId="1"/>
  </si>
  <si>
    <t>日本リーグ所属までの競技経験があります。
小学生から大学生までの指導経験があります。
市町村の派遣条件に応じますが、指導料とは別に交通費の支給はお願いします。</t>
    <phoneticPr fontId="1"/>
  </si>
  <si>
    <t>月曜午後活動可能</t>
    <phoneticPr fontId="1"/>
  </si>
  <si>
    <t>拓心武道 極真フリースタイルカラテ優勝
日本キックボクシング チャンピオン
Ｍ－１ＭＣ　ムエタイチャンピオン
希望曜日：水・木・金・日（要相談）
時間帯：17：00～19：00まで可能。日は13：00～16：00
報酬：1回 1万円～3万円程度(要相談)</t>
    <phoneticPr fontId="1"/>
  </si>
  <si>
    <t>ソフトテニスは中学から初めて一般までやっており、まだ成年35歳部門で現役で試合出場しております。
母校（高校）、小学生、中学生の指導もやれる範囲でやっております。</t>
    <phoneticPr fontId="1"/>
  </si>
  <si>
    <t>スポーツコーチンググリーダー
ソフトテニスコーチ１</t>
    <phoneticPr fontId="1"/>
  </si>
  <si>
    <t>昭和６３年　筑波大学体育専門学群卒業　硬式野球部所属　第１８回明治神宮大学野球大会優勝
大学卒業後、大学系列校高校で講師兼野球部コーチを経験し民間企業に総合職で就職
その後、３年間、リトルシニアリーグ（硬式野球）で小学校低学年から中学生までを指導
指導者経験は４年と短いですが、大学までの野球経験と金融機関での管理職でのマネジメントやコーチングの学びに加え、コンプライアンスやハラスメントを管理する立場である経験は、子供達のスポーツの指導にもお役に立てるのではと思ってっおります。
活動可能な曜日は、在職中のため土日祝日で時間帯は問題ありません。
希望する勤務条件は、特にありません。
定年退職を控えて、可能であれば活動可能な曜日を増やしていきたいと考えています。</t>
    <phoneticPr fontId="1"/>
  </si>
  <si>
    <t>総合型地域スポーツクラブにおいて、依頼があればバドミントンの指導は可能
活動可能な曜日、時間帯、報酬等は要相談</t>
    <phoneticPr fontId="1"/>
  </si>
  <si>
    <t>横浜市（全域）／川崎市（全域）／鎌倉市</t>
  </si>
  <si>
    <t>sakura-saku1103@rondo.ocn.ne.jp</t>
  </si>
  <si>
    <t>横浜市(都筑区、青葉区、緑区、港北区、神奈川区)</t>
  </si>
  <si>
    <t>thindyr@gmail.com</t>
  </si>
  <si>
    <t>横浜市（全域）／川崎市（全域）／相模原市（全域）／横須賀市／平塚市／鎌倉市／藤沢市／茅ヶ崎市／逗子市／三浦市／厚木市／大和市／海老名市／座間市／綾瀬市／葉山町／寒川町</t>
  </si>
  <si>
    <t>lateo86ml@gmail.com</t>
  </si>
  <si>
    <t>08012346800</t>
  </si>
  <si>
    <t>tag.plan.1023@gmail.com</t>
  </si>
  <si>
    <t>相模原市(緑区)</t>
  </si>
  <si>
    <t>katouma200x@gmail.com</t>
  </si>
  <si>
    <t>川崎市(高津区)</t>
  </si>
  <si>
    <t>2021年12月より中学生を主体としたバレーボールクラブを発足し指導運営しております。</t>
    <phoneticPr fontId="1"/>
  </si>
  <si>
    <t>JSPOバレーボールコーチ３</t>
    <phoneticPr fontId="1"/>
  </si>
  <si>
    <t>【保有資格】
・日本サッカー協会公認C級コーチ
・日本サッカー協会公認フットサルC級コーチ
・ドイツ本部公認Life Kinetikパーソナルトレーナー
・ドイツ本部公認Life Kinetikチームトレーナー</t>
    <phoneticPr fontId="1"/>
  </si>
  <si>
    <t>NESTA キッズコーディネーショントレーナー
幼児体操指導者　1級
ラグビーコーチ　C級</t>
    <phoneticPr fontId="1"/>
  </si>
  <si>
    <t>全日本軟式野球連盟公認学童コーチ</t>
    <phoneticPr fontId="1"/>
  </si>
  <si>
    <t>JSPOバレーボールコーチ1</t>
    <phoneticPr fontId="1"/>
  </si>
  <si>
    <t>１）都立三田高校女子バレー部（1984年）
２）三菱ケミカル横浜バレー部総監督（1990－2005年）
３）横浜市立鴨志田第一小学校：横浜青葉エターナル（2006ｰ16）
４）神奈川県チームおざわ：精神障害者（2013-17）
５）都立王子総合高校男子バレー部（2017-19年）
６）神奈川県立日野特別支援学校バレー部：知的障害者（2018-23）</t>
    <phoneticPr fontId="1"/>
  </si>
  <si>
    <t>平成13年4月ー平成19年3月  横浜市立矢向中学校でバドミントン部活動顧問。
平成19年4月ー平成26年3月　横浜市立日吉台中学校でバドミントン部活動顧問。</t>
    <phoneticPr fontId="1"/>
  </si>
  <si>
    <t>【指導可能競技】
・サッカー
・フットサル
【指導歴】
・2015  クーバーコーチングサッカースクール
・2019  ALPHA Football ACADEMY JAPAN
・2019  Una Primavera Football Club
・2020  Una Primavera Football Club Girls
・2021  Life Kinetik ACADEMY JAPAN</t>
    <phoneticPr fontId="1"/>
  </si>
  <si>
    <t>競技歴
東海大学附属相模高校ラグビー部3年
大学生　社会人チーム4年
指導歴
ゴールデンラグビーアカデミー2年</t>
    <phoneticPr fontId="1"/>
  </si>
  <si>
    <t>令和2年から現在　相模原市少年野球協会およびスポーツ少年団所属の学童野球チームで指導</t>
    <phoneticPr fontId="1"/>
  </si>
  <si>
    <t>小・中・高校生および男性・女性の初級や初心者、中級程度の細かな指導、練習メニュー作成などができます。</t>
    <phoneticPr fontId="1"/>
  </si>
  <si>
    <t>【自己PR】
・選手、1人1人の内に秘めてるものを引き出しサッカーを楽しむと同時に自分の成長を感じてもらい部活動だけでなく学校生活が充実した時間になるように指導いたします!
・ライフキネティック(脳トレと運動を合わせたトレーニング)、タバタプロトコル(持久力UP)など専門的なトレーニングも混ぜながら選手の成長のサポートをいたします!
・教師の方のご負担を軽減するためにぜひ指導をさせていただきたいです!
よろしくお願いいたします。</t>
    <phoneticPr fontId="1"/>
  </si>
  <si>
    <t>体操指導者として6年
ラグビー指導者として2年
指導しております。</t>
    <phoneticPr fontId="1"/>
  </si>
  <si>
    <t>自身のクラブ活動との協働、コーチスタッフとの参加など希望</t>
    <phoneticPr fontId="1"/>
  </si>
  <si>
    <t>土日祝日は活動可能。平日も都合がつけば活動可能です。
相模原市の津久井地区で軟式野球の中学部活動がないため、生徒達に野球ができる環境を提供できればと考えています。</t>
    <phoneticPr fontId="1"/>
  </si>
  <si>
    <t>合唱・コーラス／演劇／その他(ミュージカル・音楽劇)</t>
  </si>
  <si>
    <t>横浜市（全域）／藤沢市／茅ヶ崎市／大和市／海老名市</t>
  </si>
  <si>
    <t>mmm2216@true.ocn.ne.jp</t>
  </si>
  <si>
    <t>現在、地域の音楽協会で、子供たち～シニアまで、合唱、アンサンブル、ミュージカル、オペラなど指導、伴奏、脚本、演出など、実演家として活動しています。ザルツブルクモーツァルテウム音楽大学や劇団「ひまわり」、埼玉オペラ協会で培った実績を次の世代に繋げるべく、ミュージカル大好きな「ジュニアコーラス」を育てつつ、世代を超えた地域音楽活動、企画、指導に邁進しています。活動可能な曜日、時間帯、調整可能です。</t>
    <phoneticPr fontId="1"/>
  </si>
  <si>
    <t>昭和56年4月～60年3月　　埼玉県立不動岡高等学校音楽部指導　　埼玉オペラ協会等で活動
2019年2月『 輝く！せや！ひと！フェスタ』にて、「ハレルヤコーラス」と「瀬谷の民話合唱」指導
2019年12月  瀬谷区制50周年記念「第九メモリアルコンサート」合唱指導
2021年5月   オペラ『あまんじゃくとうりこひめ』指導
2022年10月　区民ミュージカル『サウンドオブミュージック』指導・伴奏
2023年12月　ミュージカル『アニー』指導
現在、公益社団法人日本演奏連盟会員</t>
    <phoneticPr fontId="1"/>
  </si>
  <si>
    <t>高等学校教諭2級普通免許・音楽・東京都
中学校教諭1級普通免許・音楽・東京都
メンタルケア協会　メンタルケアスペシャリスト
パソコン塾　インストラクター資格</t>
    <phoneticPr fontId="1"/>
  </si>
  <si>
    <t>中学時代：現日本バレーボール協会長川合俊一と全国大会準優勝
高校時代：東京都キャプテンとして中華人民共和国訪問、北京市代表と親善試合（中国：工人体育館）
大学時代：同好会リーグながら関東優勝、理工学部リーグ1部優勝
監督時代：実業団6人制女子神奈川代表で全国大会へ、小学生バレー（女子）横浜市優勝など
　　　　　精神障碍者（ソフトバレー男女混合）全国大会3連覇、
          男子高校生（チームづくりの基礎）知的障害者（神奈川県優勝）</t>
    <phoneticPr fontId="1"/>
  </si>
  <si>
    <t>ラグビー／その他(パワーリフティング、ウェイトトレーニング)</t>
  </si>
  <si>
    <t>横浜市（全域）／川崎市（全域）／横須賀市／平塚市／鎌倉市／伊勢原市</t>
  </si>
  <si>
    <t>08011396405</t>
  </si>
  <si>
    <t>y.j.koya.0025@docomo.ne.jp</t>
  </si>
  <si>
    <t>ソフトテニス／その他(ニュースポーツ、動きづくり等)</t>
  </si>
  <si>
    <t>juns@live.jp</t>
  </si>
  <si>
    <t>cos_get_you@yahoo.co.jp</t>
  </si>
  <si>
    <t>令和5年から　大学ラグビーチームで指導　他15歳から23歳までの学生指導</t>
    <phoneticPr fontId="1"/>
  </si>
  <si>
    <t>保有資格：剣道　教士七段</t>
    <phoneticPr fontId="1"/>
  </si>
  <si>
    <t>職業が変則勤務のため確実な曜日・時間は申し上げられませんが、仕事の合間で地域のクラブ活動のサポートが出来ればと考えています。</t>
    <phoneticPr fontId="1"/>
  </si>
  <si>
    <t>健康運動指導士（健康・体力づくり事業財団）
ベーシックインストラクター（日本コアコンディショニング協会）</t>
    <phoneticPr fontId="1"/>
  </si>
  <si>
    <t>令和４年～現在　　　神奈川県と都内の施設等で指導（未就学児～成人）
平成28年～平成30年　京都府の学童クラブで指導（小学生）
平成22年～平成24年　東京都で体育の家庭教師として指導（未就学児～中学生）
平成21年～平成24年　埼玉県の地域スポーツクラブで指導（小学生）</t>
    <phoneticPr fontId="1"/>
  </si>
  <si>
    <t>指導可能競技：剣道
指導歴：大和市剣道連盟所属　大和南部剣友会において２０００年～現在</t>
    <phoneticPr fontId="1"/>
  </si>
  <si>
    <t>早稲田大学スポーツ科学部に進学後、地域クラブで指導を始め、その後、小中学生を中心に多世代への指導経験があります。
大切な時間ですので、ケガや事故のリスクを抑え、技術向上のみならず、心身ともに充実した時間を作りたいと考えています。
活動可能曜日：主に土日となります。
勤務条件など：日時含め応相談。単発対応可能です。
お気軽にご連絡ください。</t>
    <phoneticPr fontId="1"/>
  </si>
  <si>
    <t>日本ラグビー協会　B級コーチライセンス　(令和6年10月　A級コーチライセンス取得見込み)
日本パワーリフティング協会　パワーリフティングコーチライセンス
日本スポーツ協会　スポーツコーチングリーダー</t>
    <phoneticPr fontId="1"/>
  </si>
  <si>
    <t>活動可能日、時間帯　　月毎に相談　(都合が合えば、平日でも勤務可能　時間もいつでも可能)
自己PR
選手歴：15歳に富山県でラグビーを始め、20歳で富山県国体選抜(社会人の部)に選出
東京の大学やクラブチームにて令和5年まで選手として活動。13人制ラグビー(ラグビーリーグ)の経験も有り
現在はパワーリフティングの選手としても活動(記録　ベンチプレス180kg、スクワット215kg、デットリフト255kg)
指導について：15歳から23歳ごろまでの選手を指導しています。ラグビーの指導だけでなく、ウェイトトレーニングの経験と知識を活かしてパフォーマンスアップや怪我をしづらい身体作りのためのトレーニング指導、メニュー作成も行っています。</t>
    <phoneticPr fontId="1"/>
  </si>
  <si>
    <t>k142509@docomo.ne.jp</t>
  </si>
  <si>
    <t>藤沢市／茅ヶ崎市／寒川町</t>
  </si>
  <si>
    <t>takako-m38@jcom.home.ne.jp</t>
  </si>
  <si>
    <t>華道</t>
  </si>
  <si>
    <t>令和4年4月～：NPO法人のテニス教室にて指導</t>
    <phoneticPr fontId="1"/>
  </si>
  <si>
    <t>「テニスは楽しく！」をモットーに個人個人に合わせた指導を心がけています。</t>
    <phoneticPr fontId="1"/>
  </si>
  <si>
    <t>ソフトテニス：中学・高校在籍時に約５年間
　　　　　　　現在、球出しの練習や指導方法を研鑽中
硬式テニス：大学生以降は趣味で楽しんでいたが、徐々に試合に出場
　　　　　　2009年頃より現在まで、地域のNPO法人でテニス教室（初心者から中級者程度）で指導をほぼ毎日行う。</t>
    <phoneticPr fontId="1"/>
  </si>
  <si>
    <t>JSPO
公認パワーリフティングコーチ1
公認コーチングリーダー
日本プロドラコン協会
ヘッドスピードトレーナー
日本スノーボード協会
C級インストラクター
全日本スキー連盟
スノーボード1級</t>
    <phoneticPr fontId="1"/>
  </si>
  <si>
    <t>ソフトテニス／硬式テニス</t>
    <phoneticPr fontId="1"/>
  </si>
  <si>
    <t>その他(パワーリフティング、スノーボード、ドラコン、パッティング、ゴルフ)</t>
    <phoneticPr fontId="1"/>
  </si>
  <si>
    <t>草月流２級師範常任参与免状
園芸療法スタディ１級</t>
    <phoneticPr fontId="1"/>
  </si>
  <si>
    <t>◆授与されたことがある教員免許の種類
　平成元年３月３１日
　中学校教諭２級普通免許状
　教科　　美術
◆活動実績
１）地域施設でのリース講座や植物を用いた講座を単発で開催
２）施設名　　東高津小学校
　　内　容　　生活科授業（栽培体験）
　　指導期間　令和１年４月～全４回
３）施設名　　樽町地域ケアプラザ
　　内　容　　レクレーションの一環として生け花
　　指導期間　令和１年 　単発</t>
    <phoneticPr fontId="1"/>
  </si>
  <si>
    <t>私が実感している華道の大きな魅力は次の点です。
　１）生ける人の数だけ表現の違いがあり、どの表現にも必ず良いところがある
　２）植物の力を借りながら自分の中にある感覚や感性あるいは気持ちが自然と表現される
　３）年齢や性別に制限がない
一般的に華道のお稽古の第一歩は、植物を上手に扱う技術を学ぶ目的で皆が決められた型で生けるところから始まります。
正直なところ皆で同じ決まった型なんて退屈だな・・・と思って私自身は取り組みました。
ですが、出来上がった作品を見渡すと生ける人の数だけ表現の違いが現れて‘’良い表現は一つではない‘’ことに気づかされました。長く華道を続けてゆくきっかけとなる体験でした。
また植物を用いることにより、植物本来の美しさや特徴に助けられ自分の頭で考えているだけでは思いつかない表現が引き出されてゆくところも特徴的だと思います。
その活動は、運動量の少ない静かな活動ですが、だからこそ年齢や性別に関係なく誰でも始められて、しかも始めてみると創作の過程で自分自身の感覚や感性あるいは気持ちといった内面の変化に気付ける活動です。
創作過程では、スケッチで構想を練ったり、身近なもので花器を作ったり、着想を得るために芸術にふれるなど様々な分野に興味が派生してゆくのも面白いところです。
私自身は、華道をきっかけにして植物のもつ力を学び直し（園芸療法）、それを生かして小学校での園芸授業のお手伝いや、ケアプラザでのレクリエーション活動などに関わる経験をいたしました。
また仕事で行った花壇作成などを通して人と植物のふれあいも身近に感じてまいりましたので、これらの経験を華道に生かして地域の中学校にかぎらず小学校やケアプラザ等他で何かお役にたてる機会があればと思い登録いたします。</t>
    <phoneticPr fontId="1"/>
  </si>
  <si>
    <t>平塚市／厚木市／伊勢原市</t>
  </si>
  <si>
    <t>厚木市／大和市／海老名市／座間市／綾瀬市／愛川町</t>
  </si>
  <si>
    <t>バドミントン</t>
    <phoneticPr fontId="1"/>
  </si>
  <si>
    <t>陸上競技／バレーボール／バドミントン／その他(一般体操)</t>
    <phoneticPr fontId="1"/>
  </si>
  <si>
    <t>特段ありません。</t>
    <phoneticPr fontId="1"/>
  </si>
  <si>
    <t>サッカー</t>
    <phoneticPr fontId="1"/>
  </si>
  <si>
    <t>高等学校教諭一種免許
日本スポーツ協会公認スタートコーチ
日本バドミントン協会公認審判員資格3級</t>
    <phoneticPr fontId="1"/>
  </si>
  <si>
    <t>JFA公認C級指導員
JFA公認３級審判員
中学・高等学校保健体育科教員免許
中学・高等学校養護教員免許
健康運動指導士</t>
    <phoneticPr fontId="1"/>
  </si>
  <si>
    <t>活動歴：20年以上
指導歴：高校の部活動で3年間、スポーツ少年団で1年間</t>
    <phoneticPr fontId="1"/>
  </si>
  <si>
    <t>令和５年８月から令和６年９月(現在)まで、愛川町立愛川東中学校でバレーボール部(女子)のコーチボランティア。</t>
    <phoneticPr fontId="1"/>
  </si>
  <si>
    <t>2011年から現在　　東京都少年サッカー連盟加盟4種チームでの指導
2018年から2021年　東京都少年サッカー連盟技術指導部（ブロックトレセン）での指導
2023年から2024年　区立中学校（東京都）のサッカー部の外部指導員
2023年から現在　　都立高校サッカー部の外部指導員
2024年から現在　　私立中高一貫校（千葉県）の外部指導員</t>
    <phoneticPr fontId="1"/>
  </si>
  <si>
    <t>ボランティアでの指導を希望
全国大会への出場経験有</t>
    <phoneticPr fontId="1"/>
  </si>
  <si>
    <t>「指導可能な競技等」に、バドミントン，陸上競技も選択しましたが、自身の競技経験及び指導経験があるのはバレーボールのみであるため、バレーボールの指導を第１希望とします。
大学で専攻していた一般体操の知識等を生かし、各競技等に合った体つくりや動きつくりの指導ができます。
地域クラブ活動ではなく、学校部活動での部活動指導員としての活動を希望します。</t>
    <phoneticPr fontId="1"/>
  </si>
  <si>
    <t>【自己紹介】
これまで４種を中心に活動してきましたが、仕事の関係で平日が休みとなったため、これまでの経験や保有する資格を活かすとともに、顧問不足や教員の業務負担の軽減など、教育現場の環境の向上に繋がればと思い、クラブチームではなく、部活動の指導に携わっています。
現在は東京在住ですが、横浜市に移住するため、神奈川県での登録を致しました。
【活動可能な曜日】
・平日の２日/週程度（月・木※応相談）
・１から２日/月程度は土日祝も活動可能
【希望条件】
・対象は高校を希望しますが、中学でも構いません。
・会社員のため報酬等は自治体の規定に従います。</t>
    <phoneticPr fontId="1"/>
  </si>
  <si>
    <t>川崎市(中原区、高津区、宮前区、多摩区)</t>
  </si>
  <si>
    <t>erimiya1216@icloud.com</t>
  </si>
  <si>
    <t>陸上競技</t>
    <phoneticPr fontId="1"/>
  </si>
  <si>
    <t>JSPO公認スポーツリーダー</t>
    <phoneticPr fontId="1"/>
  </si>
  <si>
    <t>teamozjr2013@gmail.com</t>
  </si>
  <si>
    <t>横浜市（全域）／川崎市（全域）／相模原市(中央区　南区)／厚木市／大和市／海老名市／座間市／綾瀬市</t>
  </si>
  <si>
    <t>shuto-bbc-175@ezweb.ne.jp</t>
  </si>
  <si>
    <t>09083020536</t>
  </si>
  <si>
    <t>バレーボール</t>
    <phoneticPr fontId="1"/>
  </si>
  <si>
    <t>バスケットボール</t>
    <phoneticPr fontId="1"/>
  </si>
  <si>
    <t>JSPO（バレーボール）コーチ１　取得見込（2025年）
日本小学生バレーボール連盟認定上級指導者</t>
    <phoneticPr fontId="1"/>
  </si>
  <si>
    <t>2013年4月～現在に至　小学生バレーボールチームでの指導。
2018年4月～2020年3月　横浜市立岡野中学校女子バレーボール部の部活指導員。</t>
    <phoneticPr fontId="1"/>
  </si>
  <si>
    <t>JBA公認B級審判ライセンス
JBA公認E級コーチライセンス
JBA公認3級IRライセンス</t>
    <phoneticPr fontId="1"/>
  </si>
  <si>
    <t>令和3年4月から令和4年3月　東京都世田谷区立三宿中学校で男女バスケットボール部の部活指導員</t>
    <phoneticPr fontId="1"/>
  </si>
  <si>
    <t>学校名：横浜市立富岡中学校
競技：サッカー
指導時期：令和5年12月から令和7年3月</t>
    <phoneticPr fontId="1"/>
  </si>
  <si>
    <t>フィールドプレイヤー、キーパー共に指導経験あり</t>
    <rPh sb="15" eb="16">
      <t>トモ</t>
    </rPh>
    <rPh sb="17" eb="19">
      <t>シドウ</t>
    </rPh>
    <rPh sb="19" eb="21">
      <t>ケイケン</t>
    </rPh>
    <phoneticPr fontId="1"/>
  </si>
  <si>
    <t>横浜市（全域）／横須賀市／鎌倉市／藤沢市／小田原市／逗子市／三浦市／厚木市／大和市／海老名市／座間市／葉山町</t>
  </si>
  <si>
    <t>09053024798</t>
  </si>
  <si>
    <t>work.shorinji_fastestballkazu@outlook.jp</t>
  </si>
  <si>
    <t>大和市／座間市／綾瀬市</t>
  </si>
  <si>
    <t>genroku15nen12gatu14@gmail.com</t>
  </si>
  <si>
    <t>相模原市(南区)／海老名市／座間市／綾瀬市</t>
  </si>
  <si>
    <t>massan_0824@yahoo.co.jp</t>
  </si>
  <si>
    <t>その他(少林寺拳法)</t>
    <phoneticPr fontId="1"/>
  </si>
  <si>
    <t>その他(綱引き)</t>
    <phoneticPr fontId="1"/>
  </si>
  <si>
    <t>弓道</t>
    <phoneticPr fontId="1"/>
  </si>
  <si>
    <t>ＪＳＰＯ（弓道）コーチ１</t>
    <phoneticPr fontId="1"/>
  </si>
  <si>
    <t>合唱・コーラス</t>
  </si>
  <si>
    <t>横浜市（全域）／川崎市（全域）／横須賀市／鎌倉市／藤沢市／逗子市／綾瀬市</t>
  </si>
  <si>
    <t>clarapf821@gmail.com</t>
  </si>
  <si>
    <t>公益財団法人日本スポーツ協会 公認スタートコーチ（スポーツ少年団）
少林寺拳法 大拳士五段・支部長資格
小学校教諭2種免許状・幼稚園教諭２種免許状 取得</t>
    <phoneticPr fontId="1"/>
  </si>
  <si>
    <t>JSPO綱引コーチ１
日本綱引連盟審判Ａ</t>
    <phoneticPr fontId="1"/>
  </si>
  <si>
    <t>2023年4月1日より 少林寺拳法 久里浜スポーツ少年団として活動を開始しました。
毎週月曜日/木曜日の夜19時から21時まで。横須賀市立岩戸中学校 武道場
不定期の土日の午前9時から11時まで。横須賀南高校 武道場と横須賀南体育会館で練習しています。
少林寺拳法の目的は、自信と勇気と行動力のある人を育てていくことです。そういう人を育てることによって平和で豊かな社会を作っていく。これが目的です。
ですので、少林寺拳法は教育システムの整った護身術です。家庭、学校、職場では得られない喜びを感じて一緒に修行し心身ともに強い人間になりませんか。体力に応じて無理なく指導します。是非、私達と最強の護身術：少林寺拳法をやりましょう！！</t>
    <phoneticPr fontId="1"/>
  </si>
  <si>
    <t>2014年から大和市の南庭綱引同好会で綱引きの指導。</t>
    <phoneticPr fontId="1"/>
  </si>
  <si>
    <t>小学校教諭として勤務しているので、活動可能な曜日は、普段は土日と土曜参観や運動会などの代休となる月曜・長期休業（夏季休業等）になります。
ただ、臨任・非常勤の立場なので来年度の仕事の紹介がどうなるか不明なところが多いので、仕事の紹介がない等があったら活動可能な日は多くなります。
報酬等の希望はございません。
車通勤可能でしたらお願いいたします。</t>
    <phoneticPr fontId="1"/>
  </si>
  <si>
    <t>誰もが知っている綱引きですが、インドアの競技綱引はマイナーで認知度が低い傾向です。
老若男女問わず、子どもから大人まで気軽にできるスポーツ。
一本の綱をみんなで心一つにして引く楽しさを味わってもらいたいです。
南庭綱引同好会に所属する、ジュニア、ユース、一般チームは全国大会に出場しています。
【活動可能な曜日】
水曜日、木曜日。
その他の曜日は要相談。</t>
    <phoneticPr fontId="1"/>
  </si>
  <si>
    <t>高校時代合唱部
大学在学中より声楽の伴奏を多数務める
イタリアにてコレペティトゥア及びベルカント発声を学ぶ
合唱の伴奏は第九・メサイア・モツレクなど。
第6回　ピアノ声楽伴奏コンクールファイナリスト</t>
    <phoneticPr fontId="1"/>
  </si>
  <si>
    <t>平塚市／秦野市／伊勢原市／大磯町／二宮町</t>
  </si>
  <si>
    <t>master@tomokun-ambition.com</t>
  </si>
  <si>
    <t>arcticcircleno.1@gmail.com</t>
  </si>
  <si>
    <t>ソフトテニス／パソコン</t>
    <phoneticPr fontId="1"/>
  </si>
  <si>
    <t>JSPO（バレーボール）コーチ１</t>
    <phoneticPr fontId="1"/>
  </si>
  <si>
    <t>吹奏楽／その他(オーケストラ)</t>
  </si>
  <si>
    <t>横浜市（全域）／川崎市（全域）／相模原市（全域）／横須賀市／平塚市／鎌倉市／藤沢市／小田原市／茅ヶ崎市／逗子市／秦野市／厚木市／大和市／伊勢原市／海老名市／座間市／綾瀬市／大磯町／二宮町</t>
  </si>
  <si>
    <t>JSPOソフトテニスコーチ１</t>
    <phoneticPr fontId="1"/>
  </si>
  <si>
    <t>パソコンは高等学校教員（情報科）を17年携わりました。
ソフトテニスは
２０１２年　福島県にある学校法人石川高等学校にて女子ソフトテニス部顧問として、手伝いでは男子ソフトテニス部では個人にて北信越大会など輩出。その後多数輩出。
２０１３年　静岡県にある静岡県静岡商業高等学校にて女子ソフトテニス部ぶ副顧問として、夏の団体戦で静岡県３位で地方の大会出場。その後千葉総体団体出場。
２０２３年　東京都世田谷区にある昭和女子大学付属中学高校にて外部コーチ
前年まで全く勝利できない選手を世田谷区の大会に勝利できるまで指導。
中学１年大会では５位入賞させた。</t>
    <phoneticPr fontId="1"/>
  </si>
  <si>
    <t>平成23年～平成30年  小学生バレーボールクラブを指導
平成26年～現在    地域バレーボール協会 バレー教室 講師</t>
    <phoneticPr fontId="1"/>
  </si>
  <si>
    <t>平塚市の西部在住になります。
いままで多くは女子ソフトテニス部に携わりました。
私自身も現在も時間があれば練習を怠らず精進しています。
公認指導者の講習の担当コーチは過去に女子ナショナルチームの監督の方が指導して頂きました。
少々独特の指導になりますが、基礎基本を補えると思います。
活動可能日時は融通利くよう努力します。
宜しくお願い致します。</t>
    <phoneticPr fontId="1"/>
  </si>
  <si>
    <t>・競技そのものも含めたスポーツの楽しさ・すばらしさを 子ども達選手一人一人に体感してもらいながら成長につながる場づくりを目指しています。
・自身の実業団選手・小学生指導者・社会人経験での失敗・成功体験、メンタルトレーナー資格や全国各地の専門家とのつながりを活かした様々なアプローチを使って実現したいと考えています。</t>
    <phoneticPr fontId="1"/>
  </si>
  <si>
    <t>指揮者、指導者として
東京都立板橋高等学(2009年～2014年)
福島県立安達高等学校(2014年～2018年)
平塚学園高等学校(2013年4月～現在)
指導者として
横浜市立泉ヶ丘中学校(2021年4月～現在）部活動指導員
トランペット指導者として
逗子中学校、沼間中学校、湘南白百合学園、初声中学校、東海大学付属相模高等学校中等部、他多数
フリーのトランペット奏者、指揮者として
2010年4月～現在</t>
    <phoneticPr fontId="1"/>
  </si>
  <si>
    <t>その他(馬術)</t>
  </si>
  <si>
    <t>JSPO 馬術コーチ1</t>
  </si>
  <si>
    <t>平成27年～I&amp;Iステーブルで指導</t>
  </si>
  <si>
    <t>平成23年から令和元年　女声合唱団にて伴奏及び指導補助
平成27年から令和2年　 混声合唱団にて伴奏及び指導補助
平成29年から　　　　  多摩区立小学校にて伴奏ピアニスト
令和6年から　　　　　 混声合唱団にて伴奏及び指導者</t>
    <phoneticPr fontId="1"/>
  </si>
  <si>
    <t>横浜市（全域）／川崎市(川崎区)／横須賀市／鎌倉市／藤沢市</t>
  </si>
  <si>
    <t>横浜市(青葉区、緑区、都筑区、港北区、旭区)／川崎市(麻生区、多摩区、宮前区、高津区)／相模原市(中央区、南区)</t>
  </si>
  <si>
    <t>kk313929@icloud.com</t>
  </si>
  <si>
    <t>男</t>
  </si>
  <si>
    <t>10代</t>
  </si>
  <si>
    <t>横浜市（全域）／ 川崎市（全域）／ 相模原市（全域）</t>
  </si>
  <si>
    <t>横浜市（全域）／ 川崎市（全域）</t>
  </si>
  <si>
    <t>横浜市（全域）／ 横須賀市／ 逗子市／ 三浦市</t>
  </si>
  <si>
    <t>平塚市／ 藤沢市／ 茅ヶ崎市</t>
  </si>
  <si>
    <t>女</t>
  </si>
  <si>
    <t>横浜市（全域）／ 川崎市（全域）／ 横須賀市</t>
  </si>
  <si>
    <t>横浜市（全域）／ 大和市／ 海老名市</t>
  </si>
  <si>
    <t>横浜市（全域）／ 藤沢市／ 茅ヶ崎市／ 大和市／ 綾瀬市</t>
  </si>
  <si>
    <t>sak2014keinakada@gmail.com</t>
  </si>
  <si>
    <t>knishiok@mizuno.co.jp</t>
  </si>
  <si>
    <t>kemo_t@hotmail.com</t>
  </si>
  <si>
    <t>横浜市(瀬谷区)／大和市／海老名市／座間市</t>
  </si>
  <si>
    <t>yamayan19841106@gmail.com</t>
  </si>
  <si>
    <t>横浜市（全域）／大和市／海老名市／綾瀬市</t>
  </si>
  <si>
    <t>08051305429</t>
  </si>
  <si>
    <t>横浜市(中区、西区、南区、港南区)</t>
  </si>
  <si>
    <t>鎌倉市</t>
  </si>
  <si>
    <t>motoji1117@gmail.com</t>
  </si>
  <si>
    <t>横浜市(青葉区)／川崎市(宮前区、高津区)</t>
  </si>
  <si>
    <t>綾瀬市</t>
  </si>
  <si>
    <t>kazuhisa19671109@gmail.com</t>
  </si>
  <si>
    <t>08054530905</t>
  </si>
  <si>
    <t>nunokawa.makoto@nihon-u.ac.jp</t>
  </si>
  <si>
    <t>横浜市(戸塚区、栄区)</t>
  </si>
  <si>
    <t>y-okimoto@ac.auone-net.jp</t>
  </si>
  <si>
    <t>平塚市／伊勢原市</t>
  </si>
  <si>
    <t>kuninakano@docomo.ne.jp</t>
  </si>
  <si>
    <t>平塚市／鎌倉市／藤沢市／茅ヶ崎市／大和市／海老名市／座間市／綾瀬市／寒川町</t>
  </si>
  <si>
    <t>09091590226</t>
  </si>
  <si>
    <t>akasaka530407@gmail.com</t>
  </si>
  <si>
    <t>相模原市(田名地区)</t>
  </si>
  <si>
    <t>相模原市(中央区、南区)</t>
  </si>
  <si>
    <t>平塚市／大磯町／二宮町</t>
  </si>
  <si>
    <t>川崎市(多摩区・高津区・宮前区)／相模原市（全域）／厚木市／愛川町</t>
  </si>
  <si>
    <t>藤沢市／綾瀬市</t>
  </si>
  <si>
    <t>サッカー／その他(栄養指導)</t>
    <phoneticPr fontId="1"/>
  </si>
  <si>
    <t>資格名：JFA公認サッカーＣ級コーチ</t>
    <phoneticPr fontId="1"/>
  </si>
  <si>
    <t>剣道</t>
    <phoneticPr fontId="1"/>
  </si>
  <si>
    <t>スキー</t>
    <phoneticPr fontId="1"/>
  </si>
  <si>
    <t>JSPO 陸上競技コーチ１</t>
    <phoneticPr fontId="1"/>
  </si>
  <si>
    <t>2016年-現在　HARBOR Basketball Academy 代表、コーチ、チームドクター</t>
    <phoneticPr fontId="1"/>
  </si>
  <si>
    <t>JSPO（陸上競技）スタートコーチ</t>
    <phoneticPr fontId="1"/>
  </si>
  <si>
    <t>令和元年から地域の剣道クラブで指導</t>
    <phoneticPr fontId="1"/>
  </si>
  <si>
    <t>不規則な勤務のため、曜日は指定せず、平日、土日含め活動していきたいです。</t>
    <phoneticPr fontId="1"/>
  </si>
  <si>
    <t>軟式野球</t>
    <phoneticPr fontId="1"/>
  </si>
  <si>
    <t>平成15年から令和6年　泉区剣道連盟所属の剣友会で指導</t>
    <phoneticPr fontId="1"/>
  </si>
  <si>
    <t>土曜日、日曜日は可能です。</t>
    <phoneticPr fontId="1"/>
  </si>
  <si>
    <t>バドミントン／その他(トレーニング)</t>
    <phoneticPr fontId="1"/>
  </si>
  <si>
    <t>ソフトボール</t>
    <phoneticPr fontId="1"/>
  </si>
  <si>
    <t>JSPO（ソフトボール）コーチ２</t>
    <phoneticPr fontId="1"/>
  </si>
  <si>
    <t>１９９１年～２０１１年茅ヶ崎市内の中学校（円蔵中・西浜中・鶴が台中・松林中）ソフトボール部（女子）の部活動指導員（主に投手指導）。</t>
    <phoneticPr fontId="1"/>
  </si>
  <si>
    <t>JSPOバレーボールコーチ１</t>
    <phoneticPr fontId="1"/>
  </si>
  <si>
    <t>綾瀬市スポーツ少年団バレーボール指導。</t>
    <phoneticPr fontId="1"/>
  </si>
  <si>
    <t>アーチェリー</t>
    <phoneticPr fontId="1"/>
  </si>
  <si>
    <t>日本スポーツ協会　公認スポーツ指導者　アーチェリーコーチ１</t>
    <phoneticPr fontId="1"/>
  </si>
  <si>
    <t>特になし</t>
    <phoneticPr fontId="1"/>
  </si>
  <si>
    <t>陸上競技／柔道／将棋</t>
    <phoneticPr fontId="1"/>
  </si>
  <si>
    <t>その他(ドッジボール)</t>
    <phoneticPr fontId="1"/>
  </si>
  <si>
    <t>その他(山岳)</t>
    <phoneticPr fontId="1"/>
  </si>
  <si>
    <t>JSPO 山岳コーチ２</t>
    <phoneticPr fontId="1"/>
  </si>
  <si>
    <t>軟式野球／硬式野球</t>
    <phoneticPr fontId="1"/>
  </si>
  <si>
    <t>メンタルヘルスマネジメント2種取得（ハラスメント関連）2022年3月20日資格取得</t>
    <phoneticPr fontId="1"/>
  </si>
  <si>
    <t>JSPO（弓道）コーチ1</t>
    <phoneticPr fontId="1"/>
  </si>
  <si>
    <t>柔道</t>
    <phoneticPr fontId="1"/>
  </si>
  <si>
    <t>水泳競技</t>
    <phoneticPr fontId="1"/>
  </si>
  <si>
    <t>JSPO水泳コーチ１</t>
    <phoneticPr fontId="1"/>
  </si>
  <si>
    <t>JSPO（スタートコーチ。軟式野球コーチ１）登録番号　０４７９２１５</t>
    <phoneticPr fontId="1"/>
  </si>
  <si>
    <t>藤沢市野球協会学童部地区理事・審判資格をもっています</t>
    <phoneticPr fontId="1"/>
  </si>
  <si>
    <t>横浜市（全域）／川崎市(川崎区)／平塚市／鎌倉市／藤沢市／茅ヶ崎市</t>
  </si>
  <si>
    <t>gekidan.nenrin@gmail.com</t>
  </si>
  <si>
    <t>・2016年から2019年
横浜市内少年サッカークラブ
・2019年から現在まで
横浜市立上郷中学校サッカー部で指導</t>
    <phoneticPr fontId="1"/>
  </si>
  <si>
    <t>活動要件は依頼者様と相談で決めていきたいと思います。
以下活動紹介です。
2016年頃から横浜市内の少年サッカーチームで約4年間指導にあたりました。その中で、「子供達にサッカーを嫌いにさせないこと」を念頭に、楽しさの中に厳しさを持つことのできる選手の育成にこだわり指導しました。また、「頭で考えるサッカー」として教室を利用した座学を取り入れ仲間とのコミュニケーションを深める活動もおこないました。
2019年からは付近の公立中学校のサッカー部で部活動指導員として現在まで活動しています。
ここでは活動方針と指導方針を定め、年度はじめに生徒と共有することをチームビルディングとしておこなっています。
また部活動は指導者（学校）、生徒、保護者の3者が一体になることが重要であるため、保護者参加型のイベントや地域の郵便局長さまがスポンサーになる私的な大会も毎年開催しています。こうした活動が認められ地域新聞に掲載されました。
指導では、頭で考えるサッカーを継続し課題や目標、時には練習メニューなど生徒中心に組み立てるボトムアップ指導を取り入れ、選手ファーストで活動しています。</t>
    <phoneticPr fontId="1"/>
  </si>
  <si>
    <t>2016年～2019年　FC市川GUNNERS（旧アーセナルSS市川）でU18/U15/U12/レディース/スクール指導。
2020年～現在　　 東急SレイエスFCで社会人/U18/U15/スクール指導。</t>
    <phoneticPr fontId="1"/>
  </si>
  <si>
    <t>これまでクラブチームで約8年間社会人から幼児や女子カテゴリーまで様々な年代のサッカー指導をしてきました。
その経験を活かして指導できる場があれば幸いです。
ご興味持っていただけましたら活動可能な曜日・時間帯・勤務条件等は一度ご相談させていただければと思います。</t>
    <phoneticPr fontId="1"/>
  </si>
  <si>
    <t>日本バスケットボール協会 公認C級コーチ
日本バスケットボール協会 公認キッズサポーター
JSPO　スポーツリーダー
JSPO　スポーツコーチングリーダー
JSPO　スポーツドクター
JSPO　アシスタントマネージャー（2024年度取得予定）
日本医師会認定 健康スポーツ医
大阪体育大学 運動部活動指導認定プログラム修了</t>
    <phoneticPr fontId="1"/>
  </si>
  <si>
    <t>剣道錬士六段
社会体育指導員剣道中級
JSPO剣道コーチ２
JSPOコーチングリーダー
JSPOジュニアスポーツ指導員
スポーツ医学検定３級
桐蔭横浜大学部活動指導者養研修
横浜市応急手当指導員
日本赤十字救急法救急員</t>
    <phoneticPr fontId="1"/>
  </si>
  <si>
    <t>JSPO 陸上競技コーチ1
JATI スポーツ指導者</t>
    <phoneticPr fontId="1"/>
  </si>
  <si>
    <t>JSPO （軟式野球）コーチ1
BFJ公認野球指導者、U-12、U-15</t>
    <phoneticPr fontId="1"/>
  </si>
  <si>
    <t>スポーツプログラマー
ジュニアスポーツ指導員
保育士免許</t>
    <phoneticPr fontId="1"/>
  </si>
  <si>
    <t>日本スポーツ協会　公認スポーツ指導員
陸上競技コーチ１
ウエイトリフティングコーチ１</t>
    <phoneticPr fontId="1"/>
  </si>
  <si>
    <t>JFA C級コーチライセンス
JSPO スポーツコーチングリーダー
JWFL ウォーキングフットボール コーディネーター</t>
    <phoneticPr fontId="1"/>
  </si>
  <si>
    <t>JSPOバレーボール　コーチ１</t>
    <phoneticPr fontId="1"/>
  </si>
  <si>
    <t>全日本軟式野球連盟公認学童コーチ（公益財団法人　全日本軟式野球連盟）有効期限：2022年10月1日～2026年9月30日
藤沢市野球協会公認審判員（藤沢市野球協会）</t>
    <phoneticPr fontId="1"/>
  </si>
  <si>
    <t>JSPO　(ソフトボール）コーチ1</t>
    <phoneticPr fontId="1"/>
  </si>
  <si>
    <t>日本講道館柔道四段
全日本柔道連盟公認柔道指導者A指導員
全日本条道連盟公認Bライセンス審判員
JSPO（柔道）コーチングアシスタント</t>
    <phoneticPr fontId="1"/>
  </si>
  <si>
    <t>2009年～　ミズノ運動会必勝塾認定指導士
2010年　　ミズノ運動会必勝塾加藤清史郎くん指導
2011年～　ベルマーク教育応援隊　走り方教室指導員
　　　　　　　 味スタランナーズクラブコーチ
　　　　　　　 仙台ランナーズクラブコーチ
2012年～　ミズノVictory Clinic　指導員
　　　　　ミズノ運動会必勝塾　走り方教室指導
2018年5月～　『あそりーと　After　School　千住校』 指導員
　　　　　　　　　Mizunoプレイリーダー(２級）　認定指導員
2024年4月～　県立スポーツセンター　走り方教室指導</t>
    <phoneticPr fontId="1"/>
  </si>
  <si>
    <t>平成22年～令和6年　NPO法人横浜アスリートクラブで指導。
平成6年～平成21年　横浜ジュニア陸上クラブで指導。</t>
    <phoneticPr fontId="1"/>
  </si>
  <si>
    <t>指導可能競技
　陸上競技（短距離、走り幅跳び）
競技歴
　15年
指導歴
　横浜アスリートクラブ　5年</t>
    <phoneticPr fontId="1"/>
  </si>
  <si>
    <t>活動歴
小学5年生～中学（5年間）　軟式野球
高校～大学（7年間）　硬式野球
指導歴
無し</t>
    <phoneticPr fontId="1"/>
  </si>
  <si>
    <t>平成13年～平成21年　バドミントン競技
平成21年～平成22年　水泳
平成22年～平成27年　トレーニング</t>
    <phoneticPr fontId="1"/>
  </si>
  <si>
    <t>平成5年～現在　神奈川県アーチェリー協会理事</t>
    <phoneticPr fontId="1"/>
  </si>
  <si>
    <t>令和５年から
城島ジュニアバレーボールクラブで指導。
令和４年から令和５年まで
平塚金田バレーボールクラブで指導。</t>
    <phoneticPr fontId="1"/>
  </si>
  <si>
    <t>日本アルパインガイド協会
レスキューマスター</t>
    <phoneticPr fontId="1"/>
  </si>
  <si>
    <t>2018年～2019年　藤沢市羽鳥ファイターズ　低学年コーチ（学童）
2020年～2021年　藤沢市羽鳥ファイターズ　低学年監督（学童）
2022年～2023年　藤沢市羽鳥ファイターズ　高学年ヘッドコーチ（学童）
2024年～現在　藤沢市羽鳥ファイターズ　高学年監督（学童）
2024年～現在　藤沢市羽鳥中学校軟式野球部　外部コーチ</t>
    <phoneticPr fontId="1"/>
  </si>
  <si>
    <t>ソフトボール
平成5年～令和6年11月　相模原市地域ソフトボールクラブ</t>
    <phoneticPr fontId="1"/>
  </si>
  <si>
    <t>令和5年から相模原市体育館　弓道初心者教室で指導</t>
    <phoneticPr fontId="1"/>
  </si>
  <si>
    <t>平成20年～現在
相模原市内柔道教室で指導
平成23年～現在
相模原市柔道協会理事
令和4年～現在 神奈川県柔道連盟評議員
令和4年～現在
川崎市内柔道会代表</t>
    <phoneticPr fontId="1"/>
  </si>
  <si>
    <t>2000年から　地域の少年野球チーム（御所見ジュニアーズスポーツ少年団）で指導
JSPO（スタートコーチ。軟式野球コーチ１）登録番号　０４７９２１５</t>
    <phoneticPr fontId="1"/>
  </si>
  <si>
    <t>バスケットボールU12/U15地域クラブチームでコーチ、チームドクターをしています。
地域の子供たちが一生懸命スポーツに取り組む姿勢を支えたいと思い活動しています。
医師という立場から選手の怪我予防や競技復帰への支援、メディカルチェックにも積極的に取り組みます。
自身でもシニア大会競技参加や日本醫師バスケットボール大会で競技・運営に参加しています。</t>
    <phoneticPr fontId="1"/>
  </si>
  <si>
    <t>活動可能日
　平日　月、水、金
　休日　土　祝日可
自己PR
　生徒さんの気持ちに寄り添うことを大事にしています。
　短距離、長距離、跳躍など様々な種目にチャレンジした経験を活かして、サポートしていきたい思います。</t>
    <phoneticPr fontId="1"/>
  </si>
  <si>
    <t>週1～2回程度で、学校部活動の補助を希望しています。
無報酬</t>
    <phoneticPr fontId="1"/>
  </si>
  <si>
    <t>子どもたちのやりたい！楽しい！気持ちを引き出し、一緒に共有することができる指導をしたいと考えています。
また、保育士免許を持ち、現保育現場で働いているので、そこでの経験も活かしたいです。
※子どもが小さいため、日にちや時間が限られますが、ご相談いただければ、調整させていただきたいと思います。</t>
    <phoneticPr fontId="1"/>
  </si>
  <si>
    <t>土日は大丈夫
祝日は仕事になります。</t>
    <phoneticPr fontId="1"/>
  </si>
  <si>
    <t>中学の時に弓道部に入部し、学生時代ずっと弓道をやっていました。
学生の頃の活動の悩みや気持ちを自分が経験していることで寄り添って指導することが出来ると思います。
活動可能な日は平日の夜、土日です。</t>
    <phoneticPr fontId="1"/>
  </si>
  <si>
    <t>川崎市なら火曜日水曜日以外でしたら、16時30分から可
その他の地域は、基本土曜日の日中のみ
勤務条件等は要相談</t>
    <phoneticPr fontId="1"/>
  </si>
  <si>
    <t>演劇</t>
    <phoneticPr fontId="1"/>
  </si>
  <si>
    <t>中学校から陸上競技を続け、自身も今隙間時間をうまく活用しながら運動を継続しています。
2009年から運動会必勝塾と銘打って、小学生対象の走り方教室を開催。並行して、ベルマーク財団様との取組でも同様の教室を継続開催。
2011年からは、味の素スタジアムを拠点としてクラブチームを立ち上げ、マラソン大会のペースメーカーなどを務めました。
今現在も県立スポーツセンターで、毎月走り方教室を実施しています。
平日夕方であれば活動可能かと思います。(時間は要相談)</t>
    <phoneticPr fontId="1"/>
  </si>
  <si>
    <t>日本サッカー協会
公認指導者ライセンスD級
日本スポーツ協会
スポーツコーチングリーダー</t>
    <phoneticPr fontId="1"/>
  </si>
  <si>
    <t>平成２７年～現在
劇団年輪　脚本・演出・役者
　脚本執筆の指導。
　演出と演技指導。
　その他、スタッフ業の指導。
令和元年
　横浜市立川上北小学校の６年生向けに演劇の指導。（臨時コーチ）</t>
    <phoneticPr fontId="1"/>
  </si>
  <si>
    <t>劇団年輪はアマチュア劇団のため、何よりも劇団員が楽しめる演劇作りをしております。そのため、指導においても、スキルアップを目標にしているものの劇団員自身が自発的に行動するように促して指導しております。
楽しみながら演劇を学びたい・触れたい等の依頼がありましたら、お声がけいただければ幸いです。
演劇活動としては、平成１２年から役者として開始し、平成２７年より、脚本・演出・演技指導を実施しております。お客様が楽しめるを一番に演出を考え、演技指導も観ていて違和感を感じ内容に指導しております。その他、演劇に関わるスタッフ業についてもある程度・指導可能です。
活動可能日は、日曜日（他の曜日は要相談）
時間帯は、日曜日なら融通が効きます。
希望する勤務地は、横浜市（全域）, 川崎市(川崎区), 平塚市, 鎌倉市, 藤沢市, 茅ヶ崎市
報酬は要相談
1976年生まれ　年齢表</t>
    <phoneticPr fontId="1"/>
  </si>
  <si>
    <t>公益財団法人日本スポーツ協会公認
スポーツ指導者
保有資格　剣道コーチ</t>
    <phoneticPr fontId="1"/>
  </si>
  <si>
    <t>陸上競技／ 水泳競技／ ハンドボール</t>
  </si>
  <si>
    <t>08041390312</t>
  </si>
  <si>
    <t>08079301031</t>
  </si>
  <si>
    <t>軟式野球／ 硬式野球</t>
  </si>
  <si>
    <t>08015831516</t>
  </si>
  <si>
    <t>bbc.ryoma@gmail.com</t>
  </si>
  <si>
    <t>smile4.kei0410@gmail.com</t>
  </si>
  <si>
    <t>S22T028o@ust.toin.ac.jp</t>
  </si>
  <si>
    <t>sawafuji10285177@gmail.com</t>
  </si>
  <si>
    <t>陸上競技／ 水泳競技／ ダンス</t>
  </si>
  <si>
    <t>08032470903</t>
  </si>
  <si>
    <t>08076520408</t>
  </si>
  <si>
    <t>サッカー／ ソフトテニス</t>
  </si>
  <si>
    <t>08022710740</t>
  </si>
  <si>
    <t>水泳競技／ 硬式テニス</t>
  </si>
  <si>
    <t>08023368988</t>
  </si>
  <si>
    <t>k23s125s@ust.toin.ac.jp</t>
  </si>
  <si>
    <t>09063316950</t>
  </si>
  <si>
    <t>nzhaka1011@gmail.com</t>
  </si>
  <si>
    <t>陸上競技／ 水泳競技／ダンス</t>
  </si>
  <si>
    <t>水泳3年 陸上3年 ハンドボール3年</t>
    <phoneticPr fontId="1"/>
  </si>
  <si>
    <t>JATI-ATI、健康運動指導士</t>
    <phoneticPr fontId="1"/>
  </si>
  <si>
    <t>水泳検定1級</t>
    <phoneticPr fontId="1"/>
  </si>
  <si>
    <t>剣道錬士六段　社会体育指導員中級　JSPO剣道コーチ２　JSPジュニアスポーツ指導員 JSPOコーチングアシスタント　スポーツ医学検定３級等</t>
    <phoneticPr fontId="1"/>
  </si>
  <si>
    <t>ラグビースタートコーチ</t>
    <phoneticPr fontId="1"/>
  </si>
  <si>
    <t>12年</t>
    <phoneticPr fontId="1"/>
  </si>
  <si>
    <t>活動歴 小学校2年から現在まで野球</t>
    <phoneticPr fontId="1"/>
  </si>
  <si>
    <t>サッカー歴　12年（小学校から高校）</t>
    <phoneticPr fontId="1"/>
  </si>
  <si>
    <t>軟式野球8年 硬式野球6年</t>
    <phoneticPr fontId="1"/>
  </si>
  <si>
    <t>バレーボール:中学から6年間</t>
    <phoneticPr fontId="1"/>
  </si>
  <si>
    <t>小学5年〜高校3年まで野球競技経験あり。大学1年から地元中学校で外部指導者として活動中</t>
    <phoneticPr fontId="1"/>
  </si>
  <si>
    <t>陸上競技　ハンマー投　中学〜高校　現在は高校でボランティア</t>
    <phoneticPr fontId="1"/>
  </si>
  <si>
    <t>ダンス11年、水泳6年、陸上2年</t>
    <phoneticPr fontId="1"/>
  </si>
  <si>
    <t>6年</t>
    <phoneticPr fontId="1"/>
  </si>
  <si>
    <t>軟式野球歴10年　　硬式野球3年</t>
    <phoneticPr fontId="1"/>
  </si>
  <si>
    <t>サッカー6年ソフトテニス6年</t>
    <phoneticPr fontId="1"/>
  </si>
  <si>
    <t>水泳約9年、テニス約6年　テニスコーチのアシスタントコーチをしています。</t>
    <phoneticPr fontId="1"/>
  </si>
  <si>
    <t>活動歴10年、指導歴1年</t>
    <phoneticPr fontId="1"/>
  </si>
  <si>
    <t>活動：硬式テニス13年/指導者歴：2年目</t>
    <phoneticPr fontId="1"/>
  </si>
  <si>
    <t>7年</t>
    <phoneticPr fontId="1"/>
  </si>
  <si>
    <t>バレーボール指導歴2年、活動歴12年</t>
    <phoneticPr fontId="1"/>
  </si>
  <si>
    <t>軟式野球8年、硬式野球3年、軟式野球指導歴4年</t>
    <phoneticPr fontId="1"/>
  </si>
  <si>
    <t>剣道歴約30年　指導歴約３年</t>
    <phoneticPr fontId="1"/>
  </si>
  <si>
    <t>タグラグビー（小学生に８年程）</t>
    <phoneticPr fontId="1"/>
  </si>
  <si>
    <t>水泳:5年　陸上:3年　ダンス:5年</t>
    <phoneticPr fontId="1"/>
  </si>
  <si>
    <t>これまで野球を続けてきたことで多くのことを学び野球への知識は多くあると思います。だからこそこれまでに得た知識を活かせる場所をつくり、野球をもっと広めて行き、日本の野球を強くしていきたいと思っています。</t>
    <phoneticPr fontId="1"/>
  </si>
  <si>
    <t>サッカーを教えた経験はスポーツ少年団で数年程度です。 現在は整形外科でリハビリの運動指導をしているので、サッカーだけでなく、ケガをしないための体づくりができればと思っています。</t>
    <phoneticPr fontId="1"/>
  </si>
  <si>
    <t>今まで教わってきたことを次世代の子供たちに指導を通して伝えていきたいと思っています。</t>
    <phoneticPr fontId="1"/>
  </si>
  <si>
    <t>子供たちがスポーツを生涯楽しめるために指導者として指導法や動機付けなど積極的に学びます。</t>
    <phoneticPr fontId="1"/>
  </si>
  <si>
    <t>中学・高校と混成競技を主に活動していました。そのため、陸上競技の多くの種目で大会に出場したことがあり、実体験をもとに指導することができます。将来は教員としての指導していきたいと考えています。</t>
    <phoneticPr fontId="1"/>
  </si>
  <si>
    <t>週に１回程度から活動できればと考えています。 よろしくお願いいたします。</t>
    <phoneticPr fontId="1"/>
  </si>
  <si>
    <t>ラグビーは２０年程プレーしてまして、その後、自宅近郊の小学生タグラグビークラブで、コーチを今もしています。 中学生の受け皿の少ないラグビーですが、少しでもお役に立てたらと思っております。 宜しくお願い致します。</t>
    <phoneticPr fontId="1"/>
  </si>
  <si>
    <t>08088131010</t>
  </si>
  <si>
    <t>aotaku3@ezweb.ne.jp</t>
  </si>
  <si>
    <t>相模原市（全域）／愛川町</t>
  </si>
  <si>
    <t>横浜市(金沢区、磯子区、磯子区、港南区、南区)／横須賀市</t>
  </si>
  <si>
    <t>横浜市(港南区)</t>
  </si>
  <si>
    <t>miporin_fr@ybb.ne.jp</t>
  </si>
  <si>
    <t>横浜市(西区、中区、保土ヶ谷区、神奈川区)</t>
  </si>
  <si>
    <t>yamakatu1214@gmail.com</t>
  </si>
  <si>
    <t>横浜市(戸塚区)</t>
  </si>
  <si>
    <t>小田原市／秦野市／南足柄市／大井町／松田町／山北町／開成町</t>
  </si>
  <si>
    <t>kgn-salt@hb.tp1.jp</t>
  </si>
  <si>
    <t>08011576045</t>
  </si>
  <si>
    <t>kimpo19881192@gmail.com</t>
  </si>
  <si>
    <t>09035139879</t>
  </si>
  <si>
    <t>hiroshi.nihosta2019@gmail.com</t>
  </si>
  <si>
    <t>横須賀市／逗子市／三浦市／葉山町</t>
  </si>
  <si>
    <t>hironobu_yoneda_07620@outlook.com</t>
  </si>
  <si>
    <t>横浜市(横浜市（鶴見区）)</t>
  </si>
  <si>
    <t>横須賀市／大和市</t>
  </si>
  <si>
    <t>09098449988</t>
  </si>
  <si>
    <t>kanagawa.hiroyuki@gmail.com</t>
  </si>
  <si>
    <t>terao_1110@yahoo.co.jp</t>
  </si>
  <si>
    <t>川崎市(多摩区､麻生区)</t>
  </si>
  <si>
    <t>平塚市／鎌倉市／藤沢市／小田原市／茅ヶ崎市／秦野市／南足柄市／寒川町／大磯町／二宮町／中井町／大井町／松田町／山北町／開成町／箱根町／真鶴町</t>
  </si>
  <si>
    <t>08051741143</t>
  </si>
  <si>
    <t>kojudes@gmail.com</t>
  </si>
  <si>
    <t>その他(フラッグフットボール)</t>
    <phoneticPr fontId="1"/>
  </si>
  <si>
    <t>JSPO ジュニアスポーツ指導員、アシスタントマネージャー</t>
    <phoneticPr fontId="1"/>
  </si>
  <si>
    <t>高校　バスケットボール部の部活動の顧問として指導</t>
    <phoneticPr fontId="1"/>
  </si>
  <si>
    <t>2005年～現在2024年11月　ジュニアバレーボールクラブで小学生に指導。</t>
    <phoneticPr fontId="1"/>
  </si>
  <si>
    <t>ハンドボール</t>
    <phoneticPr fontId="1"/>
  </si>
  <si>
    <t>JSPOコーチングアシスタント登録</t>
    <phoneticPr fontId="1"/>
  </si>
  <si>
    <t>その他(公式ドッジボール)</t>
    <phoneticPr fontId="1"/>
  </si>
  <si>
    <t>資格名：日本スポーツ協会バレーボールコーチ1</t>
    <phoneticPr fontId="1"/>
  </si>
  <si>
    <t>現在小田原バレーボール協会に所属しております。勤務条件については相談にて</t>
    <phoneticPr fontId="1"/>
  </si>
  <si>
    <t>軟式野球／ソフトボール</t>
    <phoneticPr fontId="1"/>
  </si>
  <si>
    <t>JSPO スタートコーチ</t>
    <phoneticPr fontId="1"/>
  </si>
  <si>
    <t>土日祝日活動可能です。</t>
    <phoneticPr fontId="1"/>
  </si>
  <si>
    <t>ＪＳＰＯ（バドミントン）コーチ１</t>
    <phoneticPr fontId="1"/>
  </si>
  <si>
    <t>その他(ローイング)</t>
    <phoneticPr fontId="1"/>
  </si>
  <si>
    <t>令和元年～令和6年　横浜ジュニアローイングスクールで指導。</t>
    <phoneticPr fontId="1"/>
  </si>
  <si>
    <t>JSPO（競技名）コーチ１</t>
    <phoneticPr fontId="1"/>
  </si>
  <si>
    <t>体操競技</t>
    <phoneticPr fontId="1"/>
  </si>
  <si>
    <t>卓球</t>
    <phoneticPr fontId="1"/>
  </si>
  <si>
    <t>JSPO バレーボールコーチ1</t>
    <phoneticPr fontId="1"/>
  </si>
  <si>
    <t>JSPO 卓球 コーチ1</t>
    <phoneticPr fontId="1"/>
  </si>
  <si>
    <t>日本サッカーリーグ中級指導者研修</t>
    <phoneticPr fontId="1"/>
  </si>
  <si>
    <t>2016年よりJリーグ「マッチコミッショナー」</t>
    <phoneticPr fontId="1"/>
  </si>
  <si>
    <t>・日本成人病予防協会
        健康管理士一般指導員
・NPO 法人全国ラジオ体操連盟指導員
・JSPO  スポーツリーダ
・日本ランニング振興機構
       ジュニア指導員</t>
    <phoneticPr fontId="1"/>
  </si>
  <si>
    <t>平成23年4月～現在
NPO法人 横浜アスリートクラブでコーチングスタッフとして、小学生・中学生の陸上競技の指導を行っている。
平成27年12月～現在
横浜市陸上競技協会普及部の冬季陸上競技講習会で小学生を指導。
平成28年6月～現在
横浜市陸上競技協会普及部のJr. 陸上教室で小学生を指導。</t>
    <phoneticPr fontId="1"/>
  </si>
  <si>
    <t>キネシオテーピング協会 認定トレーナーとして、アスリートの疲労回復や、怪我や故障のリスクを軽減出きるようにサポートしている。
活動可能日:土日祝日</t>
    <phoneticPr fontId="1"/>
  </si>
  <si>
    <t>フラッグフットボール
2012年から現在　相模原ライズアスリートクラブで指導</t>
    <phoneticPr fontId="1"/>
  </si>
  <si>
    <t>フラッグフットボールを中心に、運動能力向上を目指した指導をしています。
2024年2月、小学生6年生主体のチームをワールドチャンピオンに導きました。
土曜日と、日曜日の午後、対応可能です。
交通費程度の手当を希望します。</t>
    <phoneticPr fontId="1"/>
  </si>
  <si>
    <t>バスケットボール　C級コーチ
JSPO　アシスタントマネジャー</t>
    <phoneticPr fontId="1"/>
  </si>
  <si>
    <t>JSPO（ローイング）コーチングアシスタント
日本ローイング協会　コーチ1</t>
    <phoneticPr fontId="1"/>
  </si>
  <si>
    <t>・令和6年4月～12月
・開成町総合型スポーツクラブで指導
・開成町文命中学校サッカー部の部活指導員</t>
    <phoneticPr fontId="1"/>
  </si>
  <si>
    <t>平成28年4月1日～令和5年3月31日
神奈川県立渋沢中学校部活</t>
    <phoneticPr fontId="1"/>
  </si>
  <si>
    <t>自身が中学､高校､社会人(実業団)にて活動
2021年よりレディースを中心に指導
現在も指導中</t>
    <phoneticPr fontId="1"/>
  </si>
  <si>
    <t>体操競技
2000年からクラブチームで体操指導</t>
    <phoneticPr fontId="1"/>
  </si>
  <si>
    <t>平成30年軟式野球所属
令和4年軟式野球コーチ1取得</t>
    <phoneticPr fontId="1"/>
  </si>
  <si>
    <t>２０１３年～２０２４年（現在）：横須賀ジュニアバドミントンクラブで指導
２０１５年～２０２４年（現在）：横須賀市立神明中学校バドミントン部で指導
２０２３年～２０２４年（現在）：横須賀市クラブチーム「ＹＭＢＣ」で指導</t>
    <phoneticPr fontId="1"/>
  </si>
  <si>
    <t>平成8年から令和元年　一般男子ソフトボールチームで活動
平成18年から平成30年　一般男子ソフトボールチーム監督
令和元年から令和6年 相模原市少年野球チームコーチ</t>
    <phoneticPr fontId="1"/>
  </si>
  <si>
    <t>中学校、高校時。自身がバスケットボール部に所属
専門学校時クラブチームとして活動(競技者として)
連盟に非加入のバスケットボールチームのコーチング活動(小学生対象)
平成28年頃から令和5年頃まで</t>
    <phoneticPr fontId="1"/>
  </si>
  <si>
    <t>2000年　地域密着型ハンドボールクラブ「横浜平沼マスターズ」創設
2024年　23年間継続して、小学生～７０歳台のハンドボール愛好家と共に練習会を3回/月実施
　　　　 同時に全日本ハンドボールマスターズ大会にプレーヤーとして20回連続出場
　　　　 全日本ハンドボール協会　マスターズハンドボール連盟　副会長</t>
    <phoneticPr fontId="1"/>
  </si>
  <si>
    <t>横浜平沼高校　同窓会真澄会　副会長
横浜平沼高校　ハンドボール部ＯＢＯＧ会　会長
横浜市西区ハンドボール連盟　理事長
活動日時、勤務条件はご相談させてください</t>
    <phoneticPr fontId="1"/>
  </si>
  <si>
    <t>土日祝活動可能(仕事が休みの為)
午前中の活動が望ましい
マイカーでの移動希望(普通車)
自身がプレイヤーとして小、中、高、専門、社会人クラブチーム活動と長い事経験してきた事をうまく伝えていけたらと思っています。</t>
    <phoneticPr fontId="1"/>
  </si>
  <si>
    <t>自己ＰＲ：横須賀バドミントン協会の事務局長として横須賀市内の大会運営やジュニア練習会等の事業にも携わっています。
　　　　　神奈川県実業団リーグ（５部）でプレーヤとしても頑張っています。
活動日　：土曜日、日曜日
時間帯　：8:00～21:00
勤務条件：特になし</t>
    <phoneticPr fontId="1"/>
  </si>
  <si>
    <t>日本スポーツ協会　公認スポーツ指導者
体操コーチ3</t>
    <phoneticPr fontId="1"/>
  </si>
  <si>
    <t>令和20年4月～現在　日下グリーンクラブで指導</t>
    <phoneticPr fontId="1"/>
  </si>
  <si>
    <t>aikawamnnykn@gmail.com</t>
  </si>
  <si>
    <t>横浜市（全域）／藤沢市</t>
  </si>
  <si>
    <t>09026282949</t>
  </si>
  <si>
    <t>ujb440@gmail.com</t>
  </si>
  <si>
    <t>横浜市(瀬谷区、泉区)／相模原市(南区)／藤沢市／大和市／海老名市／座間市</t>
  </si>
  <si>
    <t>yashitakayuki@gmail.com</t>
  </si>
  <si>
    <t>assets.gym@gmail.com</t>
  </si>
  <si>
    <t>07047433376</t>
  </si>
  <si>
    <t>s.oyazaki@bright-road.jp</t>
  </si>
  <si>
    <t>https://bright-road.jp/</t>
  </si>
  <si>
    <t>always_milk@yahoo.co.jp</t>
  </si>
  <si>
    <t>0467866775</t>
  </si>
  <si>
    <t>ytkimi@msn.com</t>
  </si>
  <si>
    <t>08050264846</t>
  </si>
  <si>
    <t>その他(フェンシング)</t>
    <phoneticPr fontId="1"/>
  </si>
  <si>
    <t>JSPOフェンシングコーチ１</t>
    <phoneticPr fontId="1"/>
  </si>
  <si>
    <t>平成２４年３月～令和４年　湘南高等学校フェンシング部の部活動指導員</t>
    <phoneticPr fontId="1"/>
  </si>
  <si>
    <t>５０年に渡り初心者の高校生の指導を行い、何度かインターハイに出場に導いた。</t>
    <phoneticPr fontId="1"/>
  </si>
  <si>
    <t>ソフトテニス</t>
    <phoneticPr fontId="1"/>
  </si>
  <si>
    <t>日本スポーツ協会公認ソフトテニスコーチ3資格</t>
    <phoneticPr fontId="1"/>
  </si>
  <si>
    <t>JSPO（体操競技）コーチ３</t>
    <phoneticPr fontId="1"/>
  </si>
  <si>
    <t>令和４年～令和６年　社会人クラブで指導</t>
    <phoneticPr fontId="1"/>
  </si>
  <si>
    <t>無し</t>
    <phoneticPr fontId="1"/>
  </si>
  <si>
    <t>その他(フラダンス)</t>
    <phoneticPr fontId="1"/>
  </si>
  <si>
    <t>横浜市（全域）／川崎市（全域）／相模原市（全域）／横須賀市／平塚市／鎌倉市／藤沢市／小田原市／茅ヶ崎市</t>
  </si>
  <si>
    <t>hi60.n@icloud.com</t>
  </si>
  <si>
    <t>・2000年：ナイロン100℃正式メンバー
・2003年：体調不良により退団、治療に入る
・2006年：演劇活動再開
・2017年：演劇ユニット「ドリル饅頭」立ち上げ
・2020年より：つんく♂プロデュース「TOKYO青春映画祭」における、つんく♂監修『中2映画プロジェクト』での作品を輩出
・2022年：一般社団法人　神奈川県演劇連盟所属会員</t>
    <phoneticPr fontId="1"/>
  </si>
  <si>
    <t>バレーボール
平成29年～令和４年　中学生を指導（お手伝い）
令和５年～現在　　　ヤングクラブ（渋沢KVC）コーチとして指導</t>
    <phoneticPr fontId="1"/>
  </si>
  <si>
    <t>令和元年
ソフトボール
横浜女子スターズ　コーチ</t>
    <phoneticPr fontId="1"/>
  </si>
  <si>
    <t>平成24年より民間スクールにて硬式テニス・ソフトテニスレッスンの指導。
平成25年度～28年度まで上記と並行し杉並区部活動指導員として区立松渓中学校にてソフトテニスの部活動指導。</t>
    <phoneticPr fontId="1"/>
  </si>
  <si>
    <t>指導歴
2009年4月～2023年3月　横浜市スポーツ医科学センター（よこはまYSMC体操クラブ）にて指導
2023年4月～現在　　　   アセッツ体操スクール（藤沢市）を自身で開設・指導
指導者としての実績
2012年　東日本ジュニア体操競技選手権大会Bクラス男子　個人総合優勝
2015年　東日本ジュニア体操競技選手権大会Bクラス男子　個人総合準優勝
2015年　全日本ジュニア体操競技選手権大会Bクラス男子　あん馬・つり輪優勝
2016年　全国中学校体操競技選手権大会出場
2017年　全国中学校体操競技選手権大会出場
2018年　関東中学校体操競技選手権大会　　個人総合優勝
2018年　全国中学校体操競技選手権大会出場
2018年　全日本ジュニア体操競技選手権大会（男子2部選手権）個人総合6位入賞
2018年　日本体操協会U15男子ジュニアナショナル強化指定選手 輩出
2018年　フューチャーカップ国際体操競技大会　代表選手輩出・日本代表コーチ
2019年　横浜市優秀スポーツ指導者賞　受賞
2022年　第77回国民体育大会（とちぎ国体）少年男子神奈川県代表監督
神奈川県ジュニア体操連盟　理事
神奈川県体操協会　強化委員</t>
    <phoneticPr fontId="1"/>
  </si>
  <si>
    <t>平成11年から平成14年 バレー部に所属
平成23年から平成26年 社会人バレーボールサークルに所属
平成26年から継続中
初心者向け社会人バレーボールチームを設立・指導（篠原小学校）</t>
    <phoneticPr fontId="1"/>
  </si>
  <si>
    <t>昭和45年～昭和47年・平和学園中学校でソフトボールテニスの指導。
令和元年～令和６年現在・NPO法人指導員として小学生に硬式テニスの指導。</t>
    <phoneticPr fontId="1"/>
  </si>
  <si>
    <t>ハワイ島ヒロにてフラスクール運営の名取(資格)を取得しております。
ハワイ島ヒロに留学。</t>
    <phoneticPr fontId="1"/>
  </si>
  <si>
    <t>小学生に対し、硬式テニスの指導を行っています。
活動可能な曜日・時間帯、及び、此方の勤務条件等は、御座いませんが、一度ご相談下さい。</t>
    <phoneticPr fontId="1"/>
  </si>
  <si>
    <t>【自己PR】
10年間バレー好きを増やすために初心者向けに指導してきました。
初級レベルの自主大会をのべ20回ほど開催し、初心者でも楽しめる特別ルールを設定して、まずは楽しいバレーを伝えたいという思いで続けています。
勝つことよりも、仲間とボールを繋ぐ楽しさを感じてもらうためにレベルや個性に合わせた指導を続けています。
【活動可能な日時】
土日（要相談）
【勤務条件報酬等】
最低賃金、交通費程度はいただきたいです。（要相談）</t>
    <phoneticPr fontId="1"/>
  </si>
  <si>
    <t>演劇活動は、ナイロン100℃という劇団で、役者としてスタートしました。それ以降、役者としての経験値を積み重ねながら、演出や脚本執筆にも興味を持ち、現在は、つんく♂監修の作品で脚本や演出を出掛けるようになりました。
ここ最近では『中2映画プロジェクト』という中2女子をメインヒロインとした短編映画作品を出掛ける事も多く、中高生に対する演技指導やワークショップなども積極的に行っております。
この経験を生かし、地域の新たな可能性、活発やクラブ活動に少しでも貢献できたら、と考えております。</t>
    <phoneticPr fontId="1"/>
  </si>
  <si>
    <t>JSPO
ソフトボールコーチ
日本スポーツ協会
公認スポーツ指導者</t>
    <phoneticPr fontId="1"/>
  </si>
  <si>
    <t>JAAF公認ジュニアコーチ（2025年2月受講予定）</t>
    <phoneticPr fontId="1"/>
  </si>
  <si>
    <t>JSPOバドミントンコーチ１
JSPOスポーツコーチングリーダー
日本バドミントン協会3級審判員</t>
    <phoneticPr fontId="1"/>
  </si>
  <si>
    <t>フラスクール「Halau Hula Ka Holu Nape O Ka Launiu」を運営
フラ歴25年。スクール運営15年の実績を持ちます。
老若男女指導しております。
ジュニア世代(10代)も多数指導しております。
時代の流れとともに、ダンス系の部活の必要性を感じております。</t>
    <phoneticPr fontId="1"/>
  </si>
  <si>
    <t>競技実績
高校  私立相洋高等学校
        2002年　第7回全国都道府県対抗男子駅伝競走大会 神奈川県代表
大学  山梨学院大学
　　　　2004年　第83回関東インカレ 3000mSC出場
        2005年　第37回全日本大学対校駅伝大会出場 （総合4位）
　　　　2006年　第82回東京箱根間往復大学駅伝競走出場（総合準優勝）
指導歴
（１）学校名：綾瀬中学校
　　　競技等：陸上競技
　　　指導時期：令和5年10月～現在
（２）学校名：綾瀬市内全中学校
　　　競技等：陸上競技
　　　指導時期：令和6年4月～現在
　　　綾瀬市地域クラブ指導顧問として活動
（３）陸上競技クラブ「BRIGHT ROAD」代表として綾瀬市及び近隣市の小中学生を指導</t>
    <phoneticPr fontId="1"/>
  </si>
  <si>
    <t>性格は明るく、年齢問わず誰とでもコミュニケーションが取れます。
平日は仕事があるため、休日のみ活動可能です。</t>
    <phoneticPr fontId="1"/>
  </si>
  <si>
    <t>初心者から県大会レベルまで指導可能。
硬式テニスの経験があるため硬式から移行選手の指導もできます！</t>
    <phoneticPr fontId="1"/>
  </si>
  <si>
    <t>【自己PR】
現在、地域クラブ指導顧問として綾瀬市内の中学陸上部を指導しております。正しいランニングフォームを徹底的に指導し、高校・大学でも活躍できるような基盤作りを中心に行っております。練習内容は短距離はジャマイカ主流、長距離はケニア主流のトレーニングに加えて最新の運動生理学に基づいたトレーニングメニューを実施してます。
また自身で陸上クラブチーム【BRIGHT ROAD】を運営しておりますので様々な依頼をお受けすることが可能です。
https://bright-road.jp/
【活動可能な曜日・時間帯】
365日可能
現在の綾瀬市中学部活動、自身のクラブチームとの兼ね合いにより要相談
【希望する勤務条件（報酬等）】
小学校・中学校・高校・大学と指導先は問いません
派遣・請負・現地指導・オンライン指導など対応可能です
報酬については要相談</t>
    <phoneticPr fontId="1"/>
  </si>
  <si>
    <t>【自己PR】
バドミントン競技歴：30年、指導歴：3年（年間50回）。バドミントンをするのも教えるのも研究するのも大好きで、バドミントンの本当の楽しさを伝える指導ができます。競技志向、エンジョイ志向どちらの指導も対応できます。子供の人格形成、主体性向上、思考力向上のお役にも立てると思います。中学生の方はもちろん、どの年代の方でもご指導可能です。
【指導可能な地域】
大和市およびその近隣地域（横浜市・海老名市・綾瀬市・座間市・厚木市等）。その他の県内地域も条件が合えば対応可能ですのでご相談下さい。
【指導可能な日時】
平日・休日問わずご指導可能です。午前・午後・夜間いずれも対応可能です。
【ご依頼・お問い合わせ等】
連絡先は情報提供依頼申請していただき、メールまたは電話でお問い合わせ下さい。電話の場合、必ず留守電にご用件をお入れ下さい。雇用期間、指導時間帯、報酬等は柔軟に対応させていただきますので、お気軽にご相談下さい。</t>
    <phoneticPr fontId="1"/>
  </si>
  <si>
    <t>私くしは、二児の母でもあり、現在高2女子、中2男子の子育て中であります。
子育ての経験からも、指導に活かせている部分が多々あります。
活動の希望などは全て相談の上、やれると思っております。</t>
    <phoneticPr fontId="1"/>
  </si>
  <si>
    <t>80代</t>
  </si>
  <si>
    <t>逗子市／葉山町</t>
  </si>
  <si>
    <t>09016988270</t>
  </si>
  <si>
    <t>横浜市(南区)</t>
  </si>
  <si>
    <t>wiconurth@gmail.com</t>
  </si>
  <si>
    <t>横浜市（全域）／横須賀市</t>
  </si>
  <si>
    <t>runvent@gmail.com</t>
  </si>
  <si>
    <t>09026716922</t>
  </si>
  <si>
    <t>haru_0923@hotmail.com</t>
  </si>
  <si>
    <t>JSPO (バレーボール)コーチ1</t>
    <phoneticPr fontId="1"/>
  </si>
  <si>
    <t>陸上競技／調理</t>
    <phoneticPr fontId="1"/>
  </si>
  <si>
    <t>陸上競技／その他(カラダの使い方（重心移動・筋連動・神経伝達系トレーニング）)</t>
    <phoneticPr fontId="1"/>
  </si>
  <si>
    <t>日本サッカー協会　公認C級コーチ</t>
    <phoneticPr fontId="1"/>
  </si>
  <si>
    <t>土日祝日のみの活動となります。</t>
    <phoneticPr fontId="1"/>
  </si>
  <si>
    <t>keikino519@gmail.com</t>
  </si>
  <si>
    <t>横浜市（全域）／鎌倉市／藤沢市／大和市</t>
  </si>
  <si>
    <t>吹奏楽</t>
    <phoneticPr fontId="1"/>
  </si>
  <si>
    <t>指導する曜日、時間帯、条件はご相談ください</t>
    <phoneticPr fontId="1"/>
  </si>
  <si>
    <t>自然科学、科学・技術</t>
    <phoneticPr fontId="1"/>
  </si>
  <si>
    <t>平成26年　～　令和3年　　葉山中学校でバドミントン部の部活動外部指導員</t>
    <phoneticPr fontId="1"/>
  </si>
  <si>
    <t>長年、企業の部活動としてプレイヤー兼指導員で活動。</t>
    <phoneticPr fontId="1"/>
  </si>
  <si>
    <t>1990年～1994年　少年団にて活動
1994年～1997年　公立中学校　部活動にて活動
1997年～2000年　県立高等学校　部活動にて活動
2000年～2022年　社会人クラブにて活動　横須賀市リーグ参画
2022年～現在　　 シニアクラブにて活動　神奈川県シニアリーグ参画　横浜市マスターズ参画
2022年～　少年団にて指導</t>
    <phoneticPr fontId="1"/>
  </si>
  <si>
    <t>日本バドミントン協会公認3級審判資格保有、バドミントンの規則をも指導可。
活動可能曜日、時間帯は要相談。　土曜日は時間がとり易いです。
勤務条件は相談させて頂きます。</t>
    <phoneticPr fontId="1"/>
  </si>
  <si>
    <t>バレーボールの楽しさを伝えていきたい。
一日中活動ができる曜日
火曜日、木曜日、日曜日
他の曜日は、18時以後であれば調整可能。</t>
    <phoneticPr fontId="1"/>
  </si>
  <si>
    <t>令和5年から現在　ランベントスポーツスクールにて指導補助。
令和元年から現在　保育園で調理師として従事</t>
    <phoneticPr fontId="1"/>
  </si>
  <si>
    <t>小学生の子ども2人を持ち、普段は保育園で調理師として給食やおやつ、また食への興味関心を育てる食育をおこなっております。
また、カラダの使い方をレクチャーするスクール「ランベントスポーツスクール」にて未就学児から小学生を対象にカラダの連動性、運動感覚を鍛える指導をおこなっております。
スクールの方針の一つに、メニューを「やらせる」ではなく、本人の「やりたい」と思う、自主性を引き出す声かけをする事があります。
その方針に沿って、日々レッスンで子ども達の「面白い」「楽しい」気持ちを引き出す興味付けから目標を見つけるサポートをしております。</t>
    <phoneticPr fontId="1"/>
  </si>
  <si>
    <t>高等学校教諭１級普通免許（理科）
中学校教諭１級普通免許（数学）
高等学校教諭２級普通免許（数学）</t>
    <phoneticPr fontId="1"/>
  </si>
  <si>
    <t>平成１５年４月～令和７年３月　横須賀市公立中学校で吹奏楽部の指導
神奈川県大会出場１５回
東関東大会出場４回
東関東選抜吹奏楽大会出場２回
管楽合奏コンテスト全国大会出場２回</t>
    <phoneticPr fontId="1"/>
  </si>
  <si>
    <t>・神奈川県立高校の理科教員として36年勤務、SSH校での探究活動指導経験あり。
・科学系部活動の顧問経験あり。
・大学の教職課程に10年間勤務、理科や総合的な学習の時間の指導法を担当した。
・「藤沢市科学少年団」で運営委員として、小中学生の指導経験あり。
・認定NPO法人「おもしろ科学たんけん工房」理事として、教材開発や小学生の体験塾指導の経験あり。
・JSTサイエンスレンジャーとして、小学生対象科学実験イベントの講師をつとめた経験あり。</t>
    <phoneticPr fontId="1"/>
  </si>
  <si>
    <t>・科学部の研究活動や、総合的な学習／探究の時間における探究活動などの相談に乗り、技術指導を行うことができる。
・物理・地学分野が得意。
・中学生／高校生が小学生に対して科学工作や実験・観察などの指導を行う機会をマッチングできる。</t>
    <phoneticPr fontId="1"/>
  </si>
  <si>
    <t>平成29年  神奈川中学陸上部トレーニングサポート
令和2年  神奈川中学サッカー部トレーニングサポート
令和6年度  ランベントスポーツスクール
日清カップ神奈川県予選  女子100m1位　13秒36
日清カップ全国大会  女子100mA決勝1位　12秒78
神奈川県小学生陸上競技記録会  女子100m  12秒62（神奈川県記録）（日本歴代3位）</t>
    <phoneticPr fontId="1"/>
  </si>
  <si>
    <t>競技実績（コーチ本人）_x000D_
【藤沢翔陵高校】2000年全国高校駅伝 2区（3000m）区間賞　8分19秒
【関東学院大学】2002年 箱根駅伝 3区 出場・2003年 箱根駅伝 4区 出場・2004年 箱根駅伝 4区 出場
【愛知製鋼】2006年　ニューイヤー駅伝 4区　出場
【ランベント】2015年　東京マラソン ギネス記録チャレンジ
1000mベスト2分28秒・3000mベスト8分19秒・5000mベスト14分31秒・10000mベスト29分43秒・ハーフマラソン63分46秒
指導実績
・日清カップ全国大会：　6年女子100m　A決勝1位　12秒78（全国1位）
・神奈川県小学生陸上競技記録会：　6年女子100m 12秒62（神奈川県記録）（日本歴代3位）
・find FCプロアスリートトレーニングサポート
・はまっこ駅伝大会優勝
・ニューイヤー駅伝出場チーム卒業生入社（YKK）
・神奈川中学トレーニングサポート（陸上部）（サッカー部）
・海上自衛隊のとじま 隊員向けトレーニングサポート
・株式会社ミヤザワ 新入社員向けスポーツ研修サポート
・横浜中央走友会 トレーニングサポート
・神奈川ランニングクラブ 定期サポート</t>
    <phoneticPr fontId="1"/>
  </si>
  <si>
    <t>〇応募の動機
・地元の少年団で約10年間、小学生を指導しています。子供達の頑張っている姿を見ることにやりがいを感じて続けてきました。
・一方、指導の幅を広げたいという思いから中学生以上の指導育成にも関心があったところ、神奈川県の部活動地域移行の取組みを知り、ぜひ応募したいと考えました。
・自分の子供も中高6年間部活動を続けていましたが、部員数に比較し指導者が不足している場合、学校現場では指導機会を十分得られないケースがあるいうことも感じてきました。そのような環境でお役に立てることがあれば嬉しく思います。
・学校、顧問の先生のご意向に沿って対応いたします。
〇活動可能な曜日・時間帯
・土日祝日の日中</t>
    <phoneticPr fontId="1"/>
  </si>
  <si>
    <r>
      <t xml:space="preserve"> 
</t>
    </r>
    <r>
      <rPr>
        <sz val="24"/>
        <rFont val="ＭＳ 明朝"/>
        <family val="1"/>
        <charset val="128"/>
      </rPr>
      <t>横浜市（全域）／ 川崎市（全域）／横須賀市／平塚市／鎌倉市／藤沢市／茅ヶ崎市／逗子市／葉山町</t>
    </r>
    <phoneticPr fontId="1"/>
  </si>
  <si>
    <r>
      <t xml:space="preserve">JFA公認サッカーコーチC級ライセンス
</t>
    </r>
    <r>
      <rPr>
        <sz val="24"/>
        <rFont val="ＭＳ 明朝"/>
        <family val="1"/>
        <charset val="128"/>
      </rPr>
      <t>JFA公認サッカーフィジカルフィットネスC級ライセンス</t>
    </r>
    <r>
      <rPr>
        <sz val="24"/>
        <rFont val="ＭＳ 明朝"/>
        <family val="2"/>
        <charset val="128"/>
      </rPr>
      <t xml:space="preserve">
サッカー４級審判員</t>
    </r>
    <phoneticPr fontId="1"/>
  </si>
  <si>
    <r>
      <t>日本ラグビーフットボールクラブB級コーチ、スタートレフリー、セーフティアシスタント、</t>
    </r>
    <r>
      <rPr>
        <sz val="24"/>
        <rFont val="ＭＳ 明朝"/>
        <family val="1"/>
        <charset val="128"/>
      </rPr>
      <t>学校運動部活動指導士（日本スポーツクラブ協会）取得</t>
    </r>
    <phoneticPr fontId="1"/>
  </si>
  <si>
    <t>鎌倉市／藤沢市／茅ヶ崎市／綾瀬市／寒川町</t>
  </si>
  <si>
    <t>09035906972</t>
  </si>
  <si>
    <t>akiki1965@gmail.com</t>
  </si>
  <si>
    <t>活動歴：2010年～2012年　ミニバスケットボールクラブで活動
　　　　2013年～2016年　東京成徳大学中学校　女子バスケットボール部で活動
　　　　2016年～2018年　都立駒場高校　女子バスケットボール部で活動
　　　　2018年～2022年　青山学院大学　体育会女子バスケットボール部で活動
指導歴：2015年9月～現在　ミニバスケットボールクラブで指導</t>
    <phoneticPr fontId="1"/>
  </si>
  <si>
    <t>【指導に関して】
　小学校4年生から大学4年生まで13年間バスケットボールクラブや部活動に所属し活動してきました。自身が所属していた部活は、全国～都大会レベルであったため、バスケットボールに関しての知識や経験は充分あります。
　また、大学では教育学部に所属し教育原理や指導法を学びました。学校生活以外でも、中高生と関わるボランティア活動を行いました。卒業研究では、「運動部活動内での不適切な行為の実態とその対策について」をテーマに研究を行いました。
　指導を行う際は、バスケットボールの技術や知識を教えることはもちろん、活動を通して自身やチームの課題を自らで考え解決する力を身につけること・勝利至上主義にならず競技を生涯スポーツとしてとらえ楽しむこと・他者との関係や競技の特性の中で生徒が自身の成長を感じられることなどを大切にしたいと考えています。
【希望する条件】
現在、定職についているため、来年度（令和7年度）の指導可能な日は土曜日（日によっては不可）・日曜日に限られます。
来年度以降は、指導員の仕事の状況によって現在の職を退職、または転職等する場合があります。その場合は指導可能日数は増えると思います。</t>
    <phoneticPr fontId="1"/>
  </si>
  <si>
    <t>小田原市／大井町</t>
  </si>
  <si>
    <t>日曜日以外なら活動日は、相談して決めたい。</t>
  </si>
  <si>
    <t>09027366479</t>
  </si>
  <si>
    <t>横浜市(青葉区、都筑区、宮前区)／川崎市(麻生区)</t>
  </si>
  <si>
    <t>令和元年４月～令和４年3月　FCパーシモンで指導</t>
  </si>
  <si>
    <t>sayokoyama214@gmail.com</t>
  </si>
  <si>
    <t>横浜市(泉区、緑区、青葉区、戸塚区、保土ヶ谷区、瀬谷区、栄区、旭区)／川崎市(多摩区、麻生区)／平塚市／鎌倉市／藤沢市／茅ヶ崎市／大和市／座間市</t>
  </si>
  <si>
    <t>oomorihh44@gmail.com</t>
  </si>
  <si>
    <t>地域クラブ活動指導者研修講座終了</t>
    <phoneticPr fontId="1"/>
  </si>
  <si>
    <t>サッカー公認指導者ライセンスB級</t>
    <phoneticPr fontId="1"/>
  </si>
  <si>
    <t>ラグビー</t>
    <phoneticPr fontId="1"/>
  </si>
  <si>
    <t>昭和45年大井剣道教室で剣道を始める
昭和59年大井剣道教室の指導者として小学生、中学生の指導を行う
昭和61年から2年間大井町立湘光中学校剣道部の指導を行う
現在は、部活動がなくなり町から地域クラブ活動として認定をもらい、中学生の指導を行っています。</t>
    <phoneticPr fontId="1"/>
  </si>
  <si>
    <t>自己PR
私は、10年間のプロサッカー選手としての経験を活かし、選手一人ひとりのレベルに応じた適切な指導が可能です。サッカーを通じて培った技術的な知識だけでなく、チームワークや精神的な成長を重視し、選手に寄り添った指導を行います。初心者から上級者まで、個々の成長に合わせた指導を行うことで、選手の自信を引き出し、サッカーの楽しさを伝えています。今後も、サッカーの素晴らしさを伝えるとともに、選手が目標に向かって成長できるよう全力でサポートします。
活動可能な曜日
土日を中心に活動可能ですが、平日は相談に応じて柔軟に対応いたします。</t>
    <phoneticPr fontId="1"/>
  </si>
  <si>
    <t>活動
2014年から2020年 藤沢ラグビースクール
2020年から2023年 湘南工科大学附属高等学校ラグビー部
2023年から 湘南プレーボーイズ所属</t>
    <phoneticPr fontId="1"/>
  </si>
  <si>
    <t>活動歴が長いこと、継続力があることが強みだと考えております。
指導員としての経験はございませんが、部活動やアルバイトで指導、教育、育成を経験してきました。
大学があるため、基本土日の活動となります。
また、就職活動や大学、アルバイトによって活動に出られない日もありますが、指導員として責任を持ち活動できるよう務めていきたいです。
普通自動車や普通自動二輪での移動を考えておりますので、駐車できる場所があると幸いです。活動場所などに合わせて公共交通機関の利用など柔軟に対応していきます。
報酬は特に考えておりませんが、最低限の交通費の手当があると幸いです。</t>
    <phoneticPr fontId="1"/>
  </si>
  <si>
    <t>無</t>
    <phoneticPr fontId="1"/>
  </si>
  <si>
    <t>JBA公認E級コーチ</t>
    <phoneticPr fontId="1"/>
  </si>
  <si>
    <t>小田原市／秦野市／伊勢原市／南足柄市／二宮町／中井町／大井町／松田町／山北町／開成町</t>
    <phoneticPr fontId="1"/>
  </si>
  <si>
    <t>平塚市／鎌倉市／藤沢市／茅ヶ崎市／／寒川町／大磯町／二宮町</t>
    <phoneticPr fontId="1"/>
  </si>
  <si>
    <t>tocchi_tocchi_0408@icloud.com</t>
    <phoneticPr fontId="1"/>
  </si>
  <si>
    <t>中学から部活で始めたバスケットボールを通して、様々な事を学ぶ事ができました。高校は全国区の強豪と呼ばれる学校で仲間と切磋琢磨し、勝つ事の喜びもさることながら、仲間の大切さや自分を律する事、日々の努力の重要性を身をもって学びました。
学び続ける事、自己研鑽をする事は大人になった今でも大切な事と思い、コーチとしてまた審判として私自身が学ぶ事で、選手達に還元できると思っています。
昨今指導者のインテグリティについて残念な場面を目の当たりにするにつけ、子供達の指導現場において主役は誰なのか？と感じることが多いです。コーチとは本来選手の成長や目標達成を手助けする立場で、上に立つ立場ではありません。勝ち負けだけにこだわるのではなく、心身共に成長過程にある子供達の学びに繋がる様な指導を心がけていきたいと思います。
対応できる日程については、平日2日程度、土日も試合等が入れば対応したいと思っています。
ご縁がありましたら宜しくお願い致します。</t>
    <phoneticPr fontId="1"/>
  </si>
  <si>
    <t>2022年5月から2025年3月　茅ヶ崎のミニバス少年団で指導。</t>
    <phoneticPr fontId="1"/>
  </si>
  <si>
    <t>横浜市（全域）／川崎市（全域）／相模原市（全域）／横須賀市／平塚市／鎌倉市／藤沢市／茅ヶ崎市／逗子市／秦野市／海老名市</t>
  </si>
  <si>
    <t>09029214806</t>
  </si>
  <si>
    <t>musique_et_aimer@yahoo.co.jp</t>
  </si>
  <si>
    <t>中学校教諭一種免許状（音楽）_x000D_
高等学校教諭一種免許状（音楽）</t>
    <phoneticPr fontId="1"/>
  </si>
  <si>
    <t>平成29年吹奏楽コンクールにて指揮（金賞）
ウインドアンサンブル青樹（東京都：一般バンド）
令和5年5月から現在も（令和7年4月時点）東鴨居中学校で吹奏楽部の部活指導員。
全体指導、サクソフォン指導、指揮。</t>
    <phoneticPr fontId="1"/>
  </si>
  <si>
    <t>幼少期よりピアノ・ヴァイオリンを習い、中学の吹奏楽部でサクソフォンを始める。
高校では吹奏楽部（サクソフォン）、オーケストラ部（ヴァイオリン）で全国大会に出場。_x000D_洗足学園音楽大学ではサクソフォンを専攻し、在学中より国内外の様々なコンクールに参加及び入賞。卒業後は積極的にコンサートを行い、現在も演奏活動及びサクソフォンの指導に力を入れている。この他にも在学中にヴァイオリンと指揮法を学び、数々のアマチュアオーケストラ、吹奏楽団の指導を行う。母親が声楽家ということから時折合唱指導のサポートも行っている。_x000D_現在、横浜市民広間音楽会会員。
中学の部活動指導員は3年勤めた経験から、今の時代（ガイドライン）にあった指導・活動を根底に、_x000D_顧問と協力しながら年間計画を立てていきます。※勤務時間の徹底、顧問のプライベート（働きやすさ）を大切にする。音楽の指導はもちろんですが、音楽を通して挨拶や返事の大切さ、集団行動をする中で声を掛け合うなど人としての在り方、中学生として自ら考え働きかけ、自立し、自分たちで自分たちの部活を作っていくことを促せていければと考えております。_x000D_その上で舞台に立つ喜びを感じさせてあげられれば。_x000D_部活ファーストではなく本学である勉学（受験・塾）をはじめ習い事や家庭の用事を大事にする今の時代だからこそ、効率の良い練習メニューの構築をして参ります。
保護者会（資料作成）、ホールの抽選・打ち合わせ、トラック手配などの事務も行えます。_x000D_ミニコンサートなどで必要な場合にはアンサンブルの譜面の作成も行えます。
顧問、生徒、保護者に寄り添った、かゆい所に手が届くような存在であれたら良いと思っております。
平日午後、土日午前午後など勤務日時は流動的柔軟に対応可。</t>
    <phoneticPr fontId="1"/>
  </si>
  <si>
    <t>茶道</t>
  </si>
  <si>
    <t>横浜市（全域）／川崎市（全域）／厚木市／大和市／座間市</t>
  </si>
  <si>
    <t>amnos0033@gmail.com</t>
  </si>
  <si>
    <t>08059585686</t>
  </si>
  <si>
    <t>横浜市(瀬谷区、緑区)／相模原市（全域）／厚木市／大和市／海老名市／座間市／綾瀬市</t>
  </si>
  <si>
    <t>katsumin47@icloud.com</t>
  </si>
  <si>
    <t>09088724135</t>
  </si>
  <si>
    <t>公務員のため、活動可能なのは土日、祝日です。</t>
    <phoneticPr fontId="1"/>
  </si>
  <si>
    <t>基本から丁寧に指導します。</t>
    <phoneticPr fontId="1"/>
  </si>
  <si>
    <t>平成28年3月から令和元年11月  専修大学剣道部コーチ
剣道錬士七段</t>
    <phoneticPr fontId="1"/>
  </si>
  <si>
    <t>平成１５年から平成２８年
　小田原足柄下地区中学校
　バスケットボール部で顧問として活動
平成２９年から令和7年
　茅ヶ崎市内
　ミニバスケットボールでコーチとして活動</t>
    <phoneticPr fontId="1"/>
  </si>
  <si>
    <t>ＪＢＡ　D級コーチ
ＪＢＡ　キッズサポーター</t>
    <phoneticPr fontId="1"/>
  </si>
  <si>
    <t>表千家茶道講師資格所有
表千家茶道　盆天許状取得済</t>
    <phoneticPr fontId="1"/>
  </si>
  <si>
    <t>中学校一種免許（音楽）</t>
    <phoneticPr fontId="1"/>
  </si>
  <si>
    <t>令和4年4月1日から現在まで横浜市立中学校茶道部にて部活指導員</t>
    <phoneticPr fontId="1"/>
  </si>
  <si>
    <t>洗足学園音楽大学オーボエ専攻を卒業
令和３年～令和３年　地域団体　ママブル吹奏楽団体　黒船吹奏楽団で団体の復興および指導
令和４年～令和６年　横須賀市立長沢中学校で吹奏楽部顧問。オーボエを中心に指導
令和７年～令和７年　横須賀市立不入斗中学校で吹奏楽部顧問。部の活動促進、指揮、指導</t>
    <phoneticPr fontId="1"/>
  </si>
  <si>
    <t>毎回着物にて伺います。茶道のお道具を持参することもありますので、車からの荷物の出し入れができる場所があると助かります。</t>
    <phoneticPr fontId="1"/>
  </si>
  <si>
    <t>オーボエの基礎から応用まで指導を行っている。
その他管楽器指導においても、基礎を中心にレッスンを行っている。
現在横須賀市で勤務しているため、土日を中心に指導可能。</t>
    <phoneticPr fontId="1"/>
  </si>
  <si>
    <t>横浜市（全域）／川崎市（全域）／相模原市（全域）／横須賀市／平塚市／鎌倉市／藤沢市／小田原市／茅ヶ崎市／秦野市／厚木市／大和市／伊勢原市／海老名市／座間市／南足柄市／綾瀬市／寒川町／大磯町／二宮町／中井町／大井町／松田町／山北町／開成町</t>
  </si>
  <si>
    <t>syoya.seas@gmail.com</t>
  </si>
  <si>
    <t>横浜市（全域）／鎌倉市／藤沢市／茅ヶ崎市／寒川町／大磯町</t>
  </si>
  <si>
    <t>07043749067</t>
  </si>
  <si>
    <t>anomaly.pax-0j@icloud.com</t>
  </si>
  <si>
    <t>Intrada wind  Ensemble(横浜市)
種目　吹奏楽
形態　常任指揮者
期間　2020年4月から現在団が活動休止
江戸川区立江戸川小学校及び江戸川区立中小岩小学校
種目　金管バンド
形態　外部指導員
期間　2022年4月から2023年3月
小金井市立小金井第二中学校
種目　吹奏楽
形態　部活動指導員
期間　2024年4月から2025年3月
(2024年3月から同年4月までは外部指導員)</t>
    <phoneticPr fontId="1"/>
  </si>
  <si>
    <t>活動可能な曜日　日曜日
指導者としてはブランクがありますが、社会人になってからも細く長く楽器を続けてきた経験を活かせればと思います。</t>
    <phoneticPr fontId="1"/>
  </si>
  <si>
    <t>藤沢市立大庭中学校在学時
【1998年度】湘南地区吹奏楽コンクール 中学B部門 金賞 湘南地区代表／神奈川県吹奏楽コンクール 中学B部門 優良
【1999年度】湘南地区吹奏楽コンクール 中学A部門 金賞 湘南地区代表／神奈川県吹奏楽コンクール 中学A部門 優良
【2000年度】湘南地区吹奏楽コンクール 中学A部門 金賞 湘南区代表／神奈川県吹奏楽コンクール 中学A部門 金賞　 神奈川県代表
            東関東吹奏楽コンクール 中学A部門 銀賞
神奈川県立茅ヶ崎高等学校在学時
 日本フィルハーモニー交響楽団 主席クラリネット奏者 伊藤寛隆から合奏指導・個人指導を受ける
【2001年度】湘南地区吹奏楽コンクール 高校B部門 金賞 地区代表に選出／神奈川県吹奏楽コンクール 高校B部門 銀賞
【2002年度】湘南地区吹奏楽コンクール 高校A部門 金賞 地区代表に選出／神奈川県吹奏楽コンクール 高校A部門 金賞　神奈川県代表に選出
            東関東吹奏楽コンクール 高校A部門 銀賞受賞
            アンサンブルコンテスト湘南地区大会 クラリネット四重奏 金賞 地区１位 代表に選出
            アンサンブルコンテスト神奈川県大会 クラリネット四重奏 銀賞
【2003年度】湘南地区吹奏楽コンクール 高校A部門 金賞
県立茅ヶ崎高校吹奏楽部OB会吹奏楽団において
【2004年度】神奈川県吹奏楽コンクール 職場・一般部門 金賞受賞 神奈川県代表に選出/東関東吹奏楽コンクール 職場・一般部門 銀賞受賞
【2005年度】神奈川県吹奏楽コンクール 職場・一般部門 金賞受賞 神奈川県代表に選出/東関東吹奏楽コンクール 職場・一般部門 銀賞受賞
藤沢市内中学校教諭としての指導歴
（１）藤沢市立滝ノ沢中学校   合唱部顧問　　指導時期：2011年4月から2012年3月
（２）藤沢市立高浜中学校     吹奏楽部顧問　指導時期：2012年4月から2013年4月
（３）藤沢市立善行中学校     吹奏楽部顧問　指導時期：2013年6月から2013年8月</t>
    <phoneticPr fontId="1"/>
  </si>
  <si>
    <t>横浜市（全域）／平塚市／鎌倉市／藤沢市／小田原市／茅ヶ崎市／秦野市／厚木市／大和市／伊勢原市／海老名市／座間市／南足柄市／綾瀬市／大磯町／二宮町／中井町／大井町／松田町／山北町／開成町</t>
  </si>
  <si>
    <t>09036809406</t>
  </si>
  <si>
    <t>yuton1214@gmail.com</t>
  </si>
  <si>
    <t>吹奏楽／その他(管弦楽)</t>
  </si>
  <si>
    <t>横浜市（全域）／川崎市(川崎区、中原区)／鎌倉市／逗子市</t>
  </si>
  <si>
    <t>music.brings.peace911@gmail.com</t>
  </si>
  <si>
    <t>横浜市（全域）／川崎市（全域）／相模原市（全域）／平塚市／藤沢市／茅ヶ崎市／秦野市／厚木市／大和市／伊勢原市／海老名市／座間市／南足柄市／綾瀬市／寒川町／大磯町／二宮町／中井町／大井町／松田町／山北町／開成町／箱根町</t>
  </si>
  <si>
    <t>shojonium@gmail.com</t>
  </si>
  <si>
    <t>JSPO(軟式野球)コーチ1
アマチュア野球公認審判3級</t>
    <phoneticPr fontId="1"/>
  </si>
  <si>
    <t>令和2年から令和5年 世田谷区立八幡中学校軟式野球部兼八幡クラブ 監督
令和5年から令和6年 横浜市軟式野球クラブチーム横浜ブレイヴで指導
令和6年から令和7年 武蔵野市立柳沢中学校部活動指導員兼ユニバースベースボールクラブ監督</t>
    <phoneticPr fontId="1"/>
  </si>
  <si>
    <t>東京のチームで監督をやっていたのと、オープン戦などで各関東地方の中学校と行ったため、様々な県などの部活動また地域クラブチームの詳細などを把握しております。
神奈川で中学軟式野球クラブチームを新たに設立しようとしているため、部活動のクラブチーム化などにも対応できます。
勤務日:地方公務員を務めており、フレッシュネス勤務をしているため、平日夕方は指導可能。土日も指導可能です。
勤務によっては徹夜がありますが基本は対応可能。
今後のクラブチーム化に向けても積極的に取り組めたらと考えております。</t>
    <phoneticPr fontId="1"/>
  </si>
  <si>
    <t>2010年武蔵野音楽大学音楽学部器楽学科卒業。2012年同大学院音楽研究科博士前期課程器楽専攻修了。2019年同大学別科指揮専攻修了。
大学院修了後に指揮に転向し、東京オペラプロデュース、東京二期会、新国立劇場、藤原歌劇団等の団体で副指揮を務める。
大学在学中から中学校、高等学校の管弦楽部、吹奏楽部での指導も行う。
平成22年4月から平成30年3月　東京都立三田高等学校で管弦楽部の外部指導員。
平成27年4月から平成30年3月　東京都立三田高等学校で吹奏楽部の外部指導員。
平成30年4月から令和4年3月　東京都立練馬高等学校で吹奏楽部の部活動指導員。</t>
    <phoneticPr fontId="1"/>
  </si>
  <si>
    <t>大阪音楽大学音楽学部卒　ユーフォニアム
現在、海上自衛隊東京音楽隊ユーフォニアム奏者</t>
    <phoneticPr fontId="1"/>
  </si>
  <si>
    <t>活動可能な曜日、時間帯：オペラ団体での副指揮業務をしているので、拘束期間中は活動の時間が限られる可能性があります。拘束期間外であればいつでも可能です。
希望する勤務条件：遠方の場合、交通費は支給していただきたいです。それ以外は特に希望はありません。</t>
    <phoneticPr fontId="1"/>
  </si>
  <si>
    <t>ユーフォニアムの演奏に関するワンポイントレッスンを行っています。基礎からちょっとしたお悩み解決、曲の表現の工夫など、内容はご希望に合わせて対応いたします。
曜日・時間帯はご相談のうえ決定いたしますので、まずはお気軽にお問い合わせください。
基本的に報酬はいただきません。交通費のみご負担をお願いしております。
「ちょっと聴いてほしい」「この部分がうまくいかない」「人前で吹く前にアドバイスがほしい」など、どんな内容でも大歓迎です！
ご興味のある方はぜひご連絡ください。</t>
    <phoneticPr fontId="1"/>
  </si>
  <si>
    <t>横浜市(金沢区およびその周辺)／横須賀市／鎌倉市／逗子市／三浦市／葉山町</t>
  </si>
  <si>
    <t>08056455923</t>
  </si>
  <si>
    <t>k10cmk@jcom.zaq.ne.jp</t>
  </si>
  <si>
    <t>全日本剣道連盟　剣道5段</t>
    <phoneticPr fontId="1"/>
  </si>
  <si>
    <t>平成21年～平成25年　横浜市立金沢中学校で剣道部顧問および指導
平成28年～平成30年　横浜市立笹下中学校で剣道部顧問および指導
平成30年～平成31年　横浜市立中川西中学校で、剣道部顧問および指導
令和３年～令和７年　横浜市立六浦中学校で部活動指導員およびパイロット指導員</t>
    <phoneticPr fontId="1"/>
  </si>
  <si>
    <t>私は、52歳のとき、ご縁があって、平成20年度神奈川県のティチャーズカレッジで教職員としての心構えやあるべき姿など多くのことを学ばせていただきました。その後、平成21年度から横浜市の中学校の教職員を拝命し、令和3年3月末日定年退職いたしました。その間、教科（数学）指導のほかに、剣道部、バレーボール部、バドミントン部などを経験させていただき、生徒たちに充実感、達成感を感じてもらいながら、その主体性を重視し、協調性、責任感、連帯感などの醸成に伴い、生徒の健やかな体と豊かな心を育てるようを努力してまいりました。これらのことから、学校教育活動における部活動の重要性は十分理解しているつもりです。
また、横浜市の応急手当指導員および応急手当普及員、日本赤十字社のファーストエイドプロバイダーなどの認定を受けているほか、横浜市防災拠点資機材取扱指導員としても活動しております。従いまして、震災などの緊急時における対応も可能です。
活動可能な曜日：なるべく、毎週火曜日を除いていただきたいです。（小学校にて、特別支援級支援をおこなっているため）
活動可能な時間帯：学校で部活動を行う時間帯。</t>
    <phoneticPr fontId="1"/>
  </si>
  <si>
    <t>trinity.yokohama2024@gmail.com</t>
  </si>
  <si>
    <t>横浜市（全域）／相模原市／大和市／座間市／愛川町／清川村</t>
  </si>
  <si>
    <t>okirakuo@yahoo.co.jp</t>
  </si>
  <si>
    <t>横浜市（全域）／川崎市／相模原市</t>
  </si>
  <si>
    <t>k23e021a@ust.toin.ac.jp</t>
  </si>
  <si>
    <t>k23e026m@ust.toin.ac.jp</t>
  </si>
  <si>
    <t>横浜市（全域）／相模原市</t>
  </si>
  <si>
    <t>nagiryusousi2001@gmail.com</t>
  </si>
  <si>
    <t>横浜市（全域）／川崎市／横須賀市／鎌倉市／藤沢市／逗子市／三浦市</t>
  </si>
  <si>
    <t>haru_921@921.jp</t>
  </si>
  <si>
    <t>横浜市（全域）／川崎市</t>
  </si>
  <si>
    <t>kohataharuka10@icloud.com</t>
  </si>
  <si>
    <t>水泳競技／バスケットボール</t>
  </si>
  <si>
    <t>横浜市（全域）／川崎市／相模原市／横須賀市／藤沢市／茅ヶ崎市</t>
  </si>
  <si>
    <t>k24s094a@ust.toin.ac.jp</t>
  </si>
  <si>
    <t>陸上競技／剣道</t>
  </si>
  <si>
    <t>横浜市（全域）／平塚市／藤沢市／茅ヶ崎市</t>
  </si>
  <si>
    <t>ダンス</t>
  </si>
  <si>
    <t>横浜市／川崎市</t>
  </si>
  <si>
    <t>shinonome.create@gmail.com</t>
  </si>
  <si>
    <t>k23e105o@ust.toin.ac.jp</t>
  </si>
  <si>
    <t>JBA公認C級コーチライセンス、JBA公認キッズサポーター、リズムジャンプトレーニングディフューザー</t>
    <phoneticPr fontId="1"/>
  </si>
  <si>
    <t>活動歴約30年（お休みを挟みながら）、指導歴7年</t>
    <phoneticPr fontId="1"/>
  </si>
  <si>
    <t>今まで培ってきた知識をこども達に還元することで、少しでも地域貢献できたらという思いでこの度申し込みました。</t>
    <phoneticPr fontId="1"/>
  </si>
  <si>
    <t>公認野球指導者U-15、U-12</t>
    <phoneticPr fontId="1"/>
  </si>
  <si>
    <t>活動歴：中学硬式クラブチームコーチ兼トレーナー7年、軟式少年野球コーチ3年</t>
    <phoneticPr fontId="1"/>
  </si>
  <si>
    <t>将来的に外部指導者に興味があり受講したいと考えています。鍼灸マッサージ師の資格を生かせると考えています。</t>
    <phoneticPr fontId="1"/>
  </si>
  <si>
    <t>10年</t>
    <phoneticPr fontId="1"/>
  </si>
  <si>
    <t>高校時代の部活動では、バスケットボールで全国大会を経験しています。</t>
    <phoneticPr fontId="1"/>
  </si>
  <si>
    <t>活動歴：14年目</t>
    <phoneticPr fontId="1"/>
  </si>
  <si>
    <t>中高英語科教員免許、幼児体育指導者資格2級</t>
    <phoneticPr fontId="1"/>
  </si>
  <si>
    <t>2023年8月〜都内中高一貫校陸上クラブ指導、幼児〜小学生対象陸上クラブコーチなど</t>
    <phoneticPr fontId="1"/>
  </si>
  <si>
    <t>少年野球の監督コーチ15年　港南中学校ソフトボール5年</t>
    <phoneticPr fontId="1"/>
  </si>
  <si>
    <t>中学校・高校6年間</t>
    <phoneticPr fontId="1"/>
  </si>
  <si>
    <t>私は中高の六年間ハンドボールを専門的に行いました。その中で自主的に練習に取り組み、チームで目標を共有して目標を一つにすることで、全国ベスト8という結果を残すことができました。</t>
    <phoneticPr fontId="1"/>
  </si>
  <si>
    <t>元石川サッカークラブ(指導歴12年) 横浜市青葉区U12・11選抜(指導歴3年)</t>
    <phoneticPr fontId="1"/>
  </si>
  <si>
    <t>横浜市のサッカー区選抜は11人制ですので、11人制の経験があります。また、地域の中学に進学した卒団生や保護者との関わりも豊富です。また、JFA C級コーチを取得していますので、指導計画等体系的に作成でき、指導者としての基礎は身についています</t>
    <phoneticPr fontId="1"/>
  </si>
  <si>
    <t>バスケットボール　14年目</t>
    <phoneticPr fontId="1"/>
  </si>
  <si>
    <t>水泳＝約10年間 全ての泳ぎ、バスケットボール＝9年間 基本的に全般</t>
    <phoneticPr fontId="1"/>
  </si>
  <si>
    <t>幼い頃から体を動かすことが好きで、スポーツを習っていました。スポーツを通して、仲間と協力したり何かの目標に向かって頑張ることの大切さを学び、また、高校生の時に怪我をしたことによって選手の気持ちもサポートする側の気持ちもどちらもを学ぶことができました。自分のこの経験した事を次は指導で活かしていきたいと考えています。</t>
    <phoneticPr fontId="1"/>
  </si>
  <si>
    <t>小学1年〜高校3年→野球</t>
    <phoneticPr fontId="1"/>
  </si>
  <si>
    <t>柔道3段</t>
    <phoneticPr fontId="1"/>
  </si>
  <si>
    <t>活動歴13年　指導1年</t>
    <phoneticPr fontId="1"/>
  </si>
  <si>
    <t>プレーヤー歴約8年</t>
    <phoneticPr fontId="1"/>
  </si>
  <si>
    <t>スポーツリーダー　アシスタントマネージャー</t>
    <phoneticPr fontId="1"/>
  </si>
  <si>
    <t>陸上指導40年以上、剣道指導歴５年</t>
    <phoneticPr fontId="1"/>
  </si>
  <si>
    <t>総合型地域スポーツクラブ</t>
    <phoneticPr fontId="1"/>
  </si>
  <si>
    <t>陸上競技8年間、短距離(ハードル)</t>
    <phoneticPr fontId="1"/>
  </si>
  <si>
    <t>走りの基礎、技術的なことを教えることができます。</t>
    <phoneticPr fontId="1"/>
  </si>
  <si>
    <t>剣道を若い世代に指導し剣道の良さを広めていきたい。</t>
    <phoneticPr fontId="1"/>
  </si>
  <si>
    <t>10年以上</t>
    <phoneticPr fontId="1"/>
  </si>
  <si>
    <t>活動歴8年指導歴3年</t>
    <phoneticPr fontId="1"/>
  </si>
  <si>
    <t>指導歴６年</t>
    <phoneticPr fontId="1"/>
  </si>
  <si>
    <t>小学校4年生から高校3年生までの9年間</t>
    <phoneticPr fontId="1"/>
  </si>
  <si>
    <t>パソコン</t>
  </si>
  <si>
    <t>横浜市（全域）／鎌倉市／藤沢市／大和市／海老名市</t>
  </si>
  <si>
    <t>看護師</t>
  </si>
  <si>
    <t>シニア向け講座20年</t>
    <phoneticPr fontId="1"/>
  </si>
  <si>
    <t>シフト勤務のため、2ヶ月以上前からの調整。</t>
    <phoneticPr fontId="1"/>
  </si>
  <si>
    <t>09059980413</t>
    <phoneticPr fontId="1"/>
  </si>
  <si>
    <t>07032700067</t>
    <phoneticPr fontId="1"/>
  </si>
  <si>
    <t>09034755914</t>
    <phoneticPr fontId="1"/>
  </si>
  <si>
    <t>09057967946</t>
    <phoneticPr fontId="1"/>
  </si>
  <si>
    <t>08077330167</t>
    <phoneticPr fontId="1"/>
  </si>
  <si>
    <t>07043676262</t>
    <phoneticPr fontId="1"/>
  </si>
  <si>
    <t>09030432427</t>
    <phoneticPr fontId="1"/>
  </si>
  <si>
    <t>08012552141</t>
    <phoneticPr fontId="1"/>
  </si>
  <si>
    <t>08013969437</t>
    <phoneticPr fontId="1"/>
  </si>
  <si>
    <t>08085615028</t>
    <phoneticPr fontId="1"/>
  </si>
  <si>
    <t>08065695342</t>
    <phoneticPr fontId="1"/>
  </si>
  <si>
    <t>08056269587</t>
    <phoneticPr fontId="1"/>
  </si>
  <si>
    <t>08062559627</t>
    <phoneticPr fontId="1"/>
  </si>
  <si>
    <t>08044030149</t>
    <phoneticPr fontId="1"/>
  </si>
  <si>
    <t>08056791623</t>
    <phoneticPr fontId="1"/>
  </si>
  <si>
    <t>08021641020</t>
    <phoneticPr fontId="1"/>
  </si>
  <si>
    <t>横浜市（全域）／川崎市（全域）／相模原市（全域）／横須賀市／秦野市／厚木市／大和市／伊勢原市／海老名市／座間市</t>
  </si>
  <si>
    <t>ya_man_0214@hotmail.com</t>
  </si>
  <si>
    <t>JSPO スポーツリーダー</t>
    <phoneticPr fontId="1"/>
  </si>
  <si>
    <t>令和6年11月-現在に至る　学童軟式野球チームで指導
平成21年3月-平成22年8月　ジャイアンツアカデミーで野球スクールのアシスタントコーチとして勤務</t>
    <phoneticPr fontId="1"/>
  </si>
  <si>
    <t>小学生から大学、現在も野球を続けています。
大学卒業後もジャイアンツアカデミーのアシスタントコーチとして勤務していました。現在は二児の父親でもあります。
平日は活動可能です。詳しい勤務条件などについては相談をしながら決められればと思います。</t>
    <phoneticPr fontId="1"/>
  </si>
  <si>
    <t>横浜市(金沢区)／横須賀市／逗子市／三浦市</t>
  </si>
  <si>
    <t>08067402319</t>
  </si>
  <si>
    <t>2010年～2023年
　明治大学明治高等学校にて、吹奏楽指導
2009年～2011年
　習志野市立東習志野小学校にて、吹奏楽指導
2011年～2012年
　船橋市立海神中学校にて、吹奏楽指導
その他、多くの団体で指導にあたる</t>
    <phoneticPr fontId="1"/>
  </si>
  <si>
    <t>国立音楽大学にてトランペット、吹奏楽指導を学び、現在文化芸術団体に勤務。
音楽は楽しいもの。をモットーに楽器を通じで音楽に触れる喜びを感じてもらいたい。
初めて楽器をさわるところ生徒から、コンクールで賞を目指す生徒まで、幅広く指導します。
希望日・時間帯等は要相談で、報酬等は実費(交通費等)でお願いします。</t>
    <phoneticPr fontId="1"/>
  </si>
  <si>
    <t>横浜市（全域）／川崎市（全域）／相模原市（全域）／平塚市／鎌倉市／藤沢市／茅ヶ崎市／秦野市／厚木市／大和市／海老名市／座間市／綾瀬市／寒川町</t>
  </si>
  <si>
    <t>hide0207hand@gmail.com</t>
  </si>
  <si>
    <t>JSPOハンドボールコーチ３</t>
    <phoneticPr fontId="1"/>
  </si>
  <si>
    <t>2002年高知国体ハンドボール少年男子準優勝</t>
    <phoneticPr fontId="1"/>
  </si>
  <si>
    <t>ハンドボール
厚木商業高校：1986年2000年
横浜緑ケ丘高校：2000年2005年
岡津高校：2005年2008年
有馬高校：2008年2016年
上溝南高校：2016年2024年、1998年2004年
神奈川県国体選抜チーム男子監督</t>
    <rPh sb="53" eb="54">
      <t>ネン</t>
    </rPh>
    <phoneticPr fontId="1"/>
  </si>
  <si>
    <t>相模原市（全域）／平塚市／小田原市／秦野市／厚木市／伊勢原市／海老名市／座間市／南足柄市／綾瀬市／寒川町／大磯町／二宮町／中井町／大井町／松田町／山北町／開成町／箱根町／真鶴町／湯河原町／愛川町／清川村</t>
  </si>
  <si>
    <t>JADP認定メンタル心理カウンセラー</t>
  </si>
  <si>
    <t>09039034172</t>
  </si>
  <si>
    <t>iguchi1987@yahoo.co.jp</t>
  </si>
  <si>
    <t>▼自己PR
コントラバス奏者・指導者・指揮者として関東県内を中心に活動しています。吹奏楽におけるコントラバスパートの技術指導に力を入れており年間約４０校のコントラバスパートを指導しています。また、コントラバス奏者として演奏活動をしている経験を掛け合わせ「弦楽器奏者の視点から見たバンド指導」という指導スタイルで全体合奏の指導も行っております。部活動におけるコントラバスの指導のことでお困りの際は、ぜひご相談ください。
▼活動可能な曜日・時間帯
学校ごとに平日を含め希望される日程、時間を調整しております。
▼希望する勤務条件(報酬等)
単発の音楽指導から定期的な指導依頼までご相談承ります。
・レッスン謝礼目安
コントラバスパートのレッスン
１回10,000円から
・希望される内容
・学校までの距離
・希望回数
など部の予算などと合わせて見積もりを出すなど学校ごとに相談しております。
上記の金額を目安とし、もしご予算に見合わない場合は他の先生の紹介も可能です。</t>
    <phoneticPr fontId="1"/>
  </si>
  <si>
    <t>指導可能な分野と指導歴について
▼指導可能分野
吹奏楽、管弦楽、室内楽、弦楽アンサンブル、コントラバス
▼指導実績
吹奏楽部をはじめとした音楽系部活動にて年間４０校ほどの学校でコントラバスパートの指導を担当
・入賞、合格実績
第１回中学生、高校生の為のコントラバス・ソロコンテスト
中学生部門：金賞　高校生部門：金賞、銀賞
第２回中学生、高校生の為のコントラバス・ソロコンテスト
中学生部門：金賞、銀賞　高校生部門：金賞
優秀指導者賞受賞
第３回中学生、高校生の為のコントラバス・ソロコンテスト
中学生部門：金賞・技能賞、銀賞　高校生部門：金賞、銀賞
優秀指導者賞受賞
第４回中学生、高校生の為のコントラバス・ソロコンテスト
高校生部門：金賞
2020年度：高等学校音楽科合格１名
2022年度：大学音楽学部合格１名
2023年度：高等学校音楽科合格１名、大学音楽学部合格１名
2024年度：高等学校音楽科合格１名
埼玉県立松伏高等学校音楽科、埼玉県立芸術総合高等学校、聖徳大学附属取手聖徳女子高等学校音楽科、フェリス女学院大学音楽学部、日本大学芸術学部
▼部活動指導員登録地域
東京都江戸川区
東京都品川区
▼教育現場での勤務実績
聖徳大学附属取手聖徳女子高等学校音楽科兼任講師（コントラバス専攻）
令和５年から現在
▼社会人楽団指導実績
よこはま月曜吹奏楽団指揮者（神奈川県横浜市）
初心者と子どものためのオーケストラpiccolo音楽監督（神奈川県横浜市）
江戸川ママブラス・マリン指揮者（東京都江戸川区）
大宮シティウインドオーケストラ指揮者（埼玉県大宮市）
小江戸ファミリーオーケストラ指揮者（埼玉県川越市）
▼吹奏楽コンクール入賞実績
大宮シティウインドオーケストラ
埼玉県吹奏楽コンクール職場・一般A部門
令和６年：銅賞 令和７年：銅賞</t>
    <phoneticPr fontId="1"/>
  </si>
  <si>
    <t>横浜市(金沢区、磯子区)／横須賀市／鎌倉市／逗子市／三浦市／葉山町</t>
  </si>
  <si>
    <t>gakushukai2024.football@gmail.com</t>
  </si>
  <si>
    <t>横浜市(青葉区・都筑区・港北区・鶴見区・緑区・神奈川区・旭区・保土ヶ谷区・西区・南区・中区)／川崎市（全域）／相模原市（全域）／横須賀市／鎌倉市／藤沢市／逗子市／厚木市／大和市／海老名市／葉山町</t>
  </si>
  <si>
    <t>09029464508</t>
  </si>
  <si>
    <t>地域のかけっこ教室のダッシュ太尾で小中学生を指導しています。子ども達と対話を重ねることで、走る仕組み、速くなるために効果的なトレーニング、スポーツマンシップなどを子ども達と考えていく方針をとっています。子ども一人一人が自ら立てた目標に向けて、主体的にトレーニングするための環境を作ることを目指しています。保育士や放課後児童支援員の資格を持つため、競技面だけでなく子ども達の安全や心身の成長を広い視点と知識で見ることができます。また、自身もマスターズで陸上競技の試合に出場し、トレーニングを続けているため、アスリート目線で子ども達と対話・アドバイスをすることができます。</t>
    <phoneticPr fontId="1"/>
  </si>
  <si>
    <t>2002～2006年
愛知陸上競技選手権大会3位（200m）、東海陸上競技選手権大会8位（4x400mリレー）
ベストタイム：100m 10秒84、200m 21秒78、400m 49秒90
2025年
横浜マスターズM40の部2位、100m 11秒74、200m 24秒40
2020年～現在
かけっこ教室ダッシュ太尾にて小中学生を指導
小学校PTA主催のかけっこ教室や少年野球チームで指導</t>
    <phoneticPr fontId="1"/>
  </si>
  <si>
    <t>初めまして。ぜひ、サポートさせていただきたいです。
よろしくお願いいたします。
活動可能曜日：土曜日・日曜日(AMは不可)
　　　　　　　※平日も対応可能な日がありますが、固定ではありません</t>
    <phoneticPr fontId="1"/>
  </si>
  <si>
    <t>日本サッカー協会公認C級コーチ
日本知的障がい者サッカー連盟B級コーチ</t>
    <phoneticPr fontId="1"/>
  </si>
  <si>
    <t>日本スポーツ協会公認 スポーツコーチングリーダー
日本ランニング協会認定かけっこアドバイザー</t>
    <phoneticPr fontId="1"/>
  </si>
  <si>
    <t>2008年3月から2011年3月　茨城県立伊奈高等学校サッカー部外部指導員
2011年4月から2018年2月　アイデンティみらい
　　　　　　　　　　　       U-10監督、茨城県南地区トレセンU-12/U-11スタッフ
2018年3月から2020年1月　ジュビロ磐田普及部コーチ
　　　　　　　　　　　       ジュビロSS磐田U-12監督
                             磐田市トレセンU-12チーフコーチ
2020年2月から2023年3月　SCHフットボールクラブ
　　　　　　　　　　　      ジュニアセレクトU-11監督・U-7,8監督、
                            横浜市泉区トレセンU-12/U-11スタッフ
2023年4月から2024年3月　TADOなかよしサッカークラブ
　　　　　　　　　　　       U-8ヘッドコーチ
2025年1月から現在　　　 楽蹴会サッカースクール
　　　　　　　　　　　      ※発達に特性がある・学校へ通えていない・
                              運動が苦手なお子様を対象としたスクール</t>
    <phoneticPr fontId="1"/>
  </si>
  <si>
    <t>横浜市(港北区　鶴見区　都筑区)／川崎市(中原区　高津区　宮前区)</t>
  </si>
  <si>
    <t>日本サッカー協会　指導者C級</t>
    <phoneticPr fontId="1"/>
  </si>
  <si>
    <t>柔道整復師として約20年の経験からケガ・人体構造の知識、ライフキネティック公認トレーナーとして神経発達の知識があります。現在、通信制大学において人間科学を専攻しており、更に神経科学を学ぶために大学院進学を目指しています。今年中に日本サッカー協会のフィジカルフィットネス資格C級の取得、救命講習の修了、NSCAーCPTというトレーニング資格取得予定です。2035年を目途に地元である他県にて高校生年代のサッカーチームを作りたいとの目標があり、その一環として来年度に日本サッカー協会の上級資格取得、実際に指導現場での経験を積みたいことから応募致します。
現在、自営業にて完全予約制の整骨院を営んでおり、基本的には週に1度程度の活動を希望しておりますが、それ以下またはそれ以上が可能な場合もあるかと推測している為に、不定期とさせて頂きたく思います。
可能であれば交通費、及び報酬を頂けたら幸いですが、難しければ交通費、もしくは両条件共に困難であっても時間的条件等が合うようであれば是非、活動をしてみたいと考えています。よろしくお願い致します。</t>
    <phoneticPr fontId="1"/>
  </si>
  <si>
    <t>1992年-1996年　柳原少年サッカークラブ（長野県）
1997年-1999年6月　長野市立東北中学校サッカー部
1999年7月-同年度末　南長野ジュニアユース
2000年-2002年　上田西高等学校サッカー部
2005年-　　　　FCコスタリカ（東京都北区）</t>
    <phoneticPr fontId="1"/>
  </si>
  <si>
    <t>バスケットボール／パソコン</t>
  </si>
  <si>
    <t>横浜市(港南区、南区、中区、磯子区、金沢区)／鎌倉市</t>
  </si>
  <si>
    <t>kbc.yokohama045@gmail.com</t>
  </si>
  <si>
    <t>JBA公認C級コーチ
JBA公認E級審判</t>
    <phoneticPr fontId="1"/>
  </si>
  <si>
    <t>【バスケットボール】
令和5年4月～園児～中学生まで、バスケットボールを指導。(ミニバスケットボールではなく、クラブチームとして指導)
【パソコン】
・大手SIerにてエンジニアとして5年間従事。
・大手エンタメ企業において、社内SEとしてシステムやツールの導入・運用を経験。
→PCの操作やプログラミングに関しては指導が可能。</t>
    <phoneticPr fontId="1"/>
  </si>
  <si>
    <t>活動可能な曜日
　平日夕方以降　※曜日は応相談
　勤務条件　※応相談ですが、交通費のみを想定しています
資格経験
&lt;プレイヤー&gt;
　中学：バスケットボール部
　高校：バスケットボール部
　大学：体育会バスケットボール部
　社会人：クラブチーム
&lt;指導者&gt;
　指導対象：小学生、中学生、高校生</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4">
    <font>
      <sz val="12"/>
      <color theme="1"/>
      <name val="ＭＳ 明朝"/>
      <family val="2"/>
      <charset val="128"/>
    </font>
    <font>
      <sz val="6"/>
      <name val="ＭＳ 明朝"/>
      <family val="2"/>
      <charset val="128"/>
    </font>
    <font>
      <sz val="22"/>
      <color theme="1"/>
      <name val="ＭＳ ゴシック"/>
      <family val="3"/>
      <charset val="128"/>
    </font>
    <font>
      <sz val="24"/>
      <color theme="1"/>
      <name val="ＭＳ ゴシック"/>
      <family val="3"/>
      <charset val="128"/>
    </font>
    <font>
      <sz val="24"/>
      <color theme="1"/>
      <name val="ＭＳ 明朝"/>
      <family val="2"/>
      <charset val="128"/>
    </font>
    <font>
      <sz val="18"/>
      <color theme="1"/>
      <name val="ＭＳ 明朝"/>
      <family val="2"/>
      <charset val="128"/>
    </font>
    <font>
      <sz val="20"/>
      <color theme="1"/>
      <name val="ＭＳ 明朝"/>
      <family val="2"/>
      <charset val="128"/>
    </font>
    <font>
      <sz val="22"/>
      <color theme="1"/>
      <name val="ＭＳ 明朝"/>
      <family val="2"/>
      <charset val="128"/>
    </font>
    <font>
      <sz val="14"/>
      <color theme="1"/>
      <name val="ＭＳ 明朝"/>
      <family val="2"/>
      <charset val="128"/>
    </font>
    <font>
      <sz val="36"/>
      <color theme="1"/>
      <name val="ＭＳ ゴシック"/>
      <family val="3"/>
      <charset val="128"/>
    </font>
    <font>
      <sz val="16"/>
      <color theme="1"/>
      <name val="ＭＳ 明朝"/>
      <family val="2"/>
      <charset val="128"/>
    </font>
    <font>
      <sz val="24"/>
      <color theme="1"/>
      <name val="ＭＳ 明朝"/>
      <family val="1"/>
      <charset val="128"/>
    </font>
    <font>
      <sz val="14"/>
      <color theme="1"/>
      <name val="ＭＳ 明朝"/>
      <family val="1"/>
      <charset val="128"/>
    </font>
    <font>
      <sz val="16"/>
      <color theme="1"/>
      <name val="ＭＳ 明朝"/>
      <family val="1"/>
      <charset val="128"/>
    </font>
    <font>
      <sz val="20"/>
      <color theme="1"/>
      <name val="ＭＳ 明朝"/>
      <family val="1"/>
      <charset val="128"/>
    </font>
    <font>
      <sz val="18"/>
      <color theme="1"/>
      <name val="ＭＳ 明朝"/>
      <family val="1"/>
      <charset val="128"/>
    </font>
    <font>
      <sz val="24"/>
      <name val="ＭＳ ゴシック"/>
      <family val="3"/>
      <charset val="128"/>
    </font>
    <font>
      <sz val="24"/>
      <name val="ＭＳ 明朝"/>
      <family val="2"/>
      <charset val="128"/>
    </font>
    <font>
      <sz val="12"/>
      <name val="ＭＳ 明朝"/>
      <family val="2"/>
      <charset val="128"/>
    </font>
    <font>
      <sz val="28"/>
      <color theme="1"/>
      <name val="ＭＳ 明朝"/>
      <family val="2"/>
      <charset val="128"/>
    </font>
    <font>
      <b/>
      <sz val="36"/>
      <color theme="1"/>
      <name val="ＭＳ 明朝"/>
      <family val="1"/>
      <charset val="128"/>
    </font>
    <font>
      <sz val="22"/>
      <color theme="1"/>
      <name val="ＭＳ 明朝"/>
      <family val="1"/>
      <charset val="128"/>
    </font>
    <font>
      <sz val="24"/>
      <name val="ＭＳ 明朝"/>
      <family val="1"/>
      <charset val="128"/>
    </font>
    <font>
      <sz val="8"/>
      <color theme="1"/>
      <name val="ＭＳ 明朝"/>
      <family val="1"/>
      <charset val="128"/>
    </font>
  </fonts>
  <fills count="4">
    <fill>
      <patternFill patternType="none"/>
    </fill>
    <fill>
      <patternFill patternType="gray125"/>
    </fill>
    <fill>
      <patternFill patternType="solid">
        <fgColor theme="5" tint="0.59999389629810485"/>
        <bgColor indexed="64"/>
      </patternFill>
    </fill>
    <fill>
      <patternFill patternType="solid">
        <fgColor theme="0"/>
        <bgColor indexed="64"/>
      </patternFill>
    </fill>
  </fills>
  <borders count="11">
    <border>
      <left/>
      <right/>
      <top/>
      <bottom/>
      <diagonal/>
    </border>
    <border>
      <left style="medium">
        <color indexed="64"/>
      </left>
      <right style="medium">
        <color indexed="64"/>
      </right>
      <top style="medium">
        <color indexed="64"/>
      </top>
      <bottom style="double">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s>
  <cellStyleXfs count="1">
    <xf numFmtId="0" fontId="0" fillId="0" borderId="0">
      <alignment vertical="center"/>
    </xf>
  </cellStyleXfs>
  <cellXfs count="100">
    <xf numFmtId="0" fontId="0" fillId="0" borderId="0" xfId="0">
      <alignment vertical="center"/>
    </xf>
    <xf numFmtId="0" fontId="2" fillId="2" borderId="1" xfId="0" applyFont="1" applyFill="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2" fillId="2" borderId="5" xfId="0" applyFont="1" applyFill="1" applyBorder="1" applyAlignment="1">
      <alignment horizontal="center" vertical="center"/>
    </xf>
    <xf numFmtId="0" fontId="4" fillId="0" borderId="2" xfId="0" applyFont="1" applyBorder="1" applyAlignment="1">
      <alignment horizontal="center" vertical="center" wrapText="1"/>
    </xf>
    <xf numFmtId="0" fontId="2" fillId="2" borderId="6" xfId="0" applyFont="1" applyFill="1" applyBorder="1" applyAlignment="1">
      <alignment horizontal="center" vertical="center" wrapText="1"/>
    </xf>
    <xf numFmtId="0" fontId="2" fillId="2" borderId="6" xfId="0" applyFont="1" applyFill="1" applyBorder="1" applyAlignment="1">
      <alignment horizontal="center" vertical="center"/>
    </xf>
    <xf numFmtId="0" fontId="4" fillId="0" borderId="2" xfId="0" applyFont="1" applyBorder="1" applyAlignment="1">
      <alignment horizontal="left" vertical="center" wrapText="1"/>
    </xf>
    <xf numFmtId="0" fontId="2" fillId="2" borderId="6" xfId="0" applyFont="1" applyFill="1" applyBorder="1" applyAlignment="1">
      <alignment horizontal="left" vertical="center" wrapText="1"/>
    </xf>
    <xf numFmtId="0" fontId="5" fillId="0" borderId="2" xfId="0" applyFont="1" applyBorder="1" applyAlignment="1">
      <alignment horizontal="left" vertical="top" wrapText="1"/>
    </xf>
    <xf numFmtId="0" fontId="2" fillId="2" borderId="7" xfId="0" applyFont="1" applyFill="1" applyBorder="1" applyAlignment="1">
      <alignment horizontal="center" vertical="center"/>
    </xf>
    <xf numFmtId="0" fontId="4" fillId="0" borderId="2" xfId="0" applyFont="1" applyBorder="1" applyAlignment="1">
      <alignment vertical="center" wrapText="1"/>
    </xf>
    <xf numFmtId="0" fontId="2" fillId="2" borderId="8" xfId="0" applyFont="1" applyFill="1" applyBorder="1" applyAlignment="1">
      <alignment horizontal="center" vertical="center"/>
    </xf>
    <xf numFmtId="0" fontId="6" fillId="0" borderId="2" xfId="0" applyFont="1" applyBorder="1" applyAlignment="1">
      <alignment horizontal="left" vertical="center" wrapText="1"/>
    </xf>
    <xf numFmtId="0" fontId="8" fillId="0" borderId="2" xfId="0" applyFont="1" applyBorder="1" applyAlignment="1">
      <alignment horizontal="left" vertical="top" wrapText="1"/>
    </xf>
    <xf numFmtId="0" fontId="5" fillId="0" borderId="2" xfId="0" applyFont="1" applyBorder="1" applyAlignment="1">
      <alignment horizontal="left" vertical="center" wrapText="1"/>
    </xf>
    <xf numFmtId="0" fontId="9" fillId="0" borderId="0" xfId="0" applyFont="1">
      <alignment vertical="center"/>
    </xf>
    <xf numFmtId="0" fontId="7" fillId="0" borderId="2" xfId="0" applyFont="1" applyBorder="1" applyAlignment="1">
      <alignment horizontal="left" vertical="top" wrapText="1"/>
    </xf>
    <xf numFmtId="0" fontId="4" fillId="0" borderId="2" xfId="0" applyFont="1" applyBorder="1" applyAlignment="1">
      <alignment horizontal="left" vertical="top" wrapText="1"/>
    </xf>
    <xf numFmtId="0" fontId="6" fillId="0" borderId="2" xfId="0" applyFont="1" applyBorder="1" applyAlignment="1">
      <alignment horizontal="left" vertical="top" wrapText="1"/>
    </xf>
    <xf numFmtId="0" fontId="0" fillId="0" borderId="9" xfId="0" applyBorder="1">
      <alignment vertical="center"/>
    </xf>
    <xf numFmtId="0" fontId="0" fillId="0" borderId="2" xfId="0" applyBorder="1">
      <alignment vertical="center"/>
    </xf>
    <xf numFmtId="0" fontId="4" fillId="0" borderId="2" xfId="0" applyFont="1" applyBorder="1">
      <alignment vertical="center"/>
    </xf>
    <xf numFmtId="0" fontId="10" fillId="0" borderId="2" xfId="0" applyFont="1" applyBorder="1" applyAlignment="1">
      <alignment horizontal="left" vertical="top" wrapText="1"/>
    </xf>
    <xf numFmtId="0" fontId="4" fillId="0" borderId="2" xfId="0" applyFont="1" applyBorder="1" applyAlignment="1">
      <alignment horizontal="center" vertical="center"/>
    </xf>
    <xf numFmtId="0" fontId="11" fillId="0" borderId="2" xfId="0" applyFont="1" applyBorder="1" applyAlignment="1">
      <alignment horizontal="center" vertical="center"/>
    </xf>
    <xf numFmtId="0" fontId="11" fillId="0" borderId="2" xfId="0" applyFont="1" applyBorder="1" applyAlignment="1">
      <alignment horizontal="left" vertical="center" wrapText="1"/>
    </xf>
    <xf numFmtId="0" fontId="11" fillId="0" borderId="2" xfId="0" applyFont="1" applyBorder="1" applyAlignment="1">
      <alignment vertical="center" wrapText="1"/>
    </xf>
    <xf numFmtId="0" fontId="4" fillId="0" borderId="2" xfId="0" applyFont="1" applyBorder="1" applyAlignment="1">
      <alignment vertical="top" wrapText="1"/>
    </xf>
    <xf numFmtId="0" fontId="12" fillId="0" borderId="2" xfId="0" applyFont="1" applyBorder="1" applyAlignment="1">
      <alignment vertical="top" wrapText="1"/>
    </xf>
    <xf numFmtId="0" fontId="11" fillId="0" borderId="2" xfId="0" applyFont="1" applyBorder="1" applyAlignment="1">
      <alignment horizontal="center" vertical="center" wrapText="1"/>
    </xf>
    <xf numFmtId="0" fontId="0" fillId="0" borderId="0" xfId="0" applyAlignment="1">
      <alignment vertical="center" wrapText="1"/>
    </xf>
    <xf numFmtId="0" fontId="13" fillId="0" borderId="2" xfId="0" applyFont="1" applyBorder="1" applyAlignment="1">
      <alignment vertical="top" wrapText="1"/>
    </xf>
    <xf numFmtId="0" fontId="4" fillId="0" borderId="3" xfId="0" applyFont="1" applyBorder="1" applyAlignment="1">
      <alignment horizontal="center" vertical="center" wrapText="1"/>
    </xf>
    <xf numFmtId="0" fontId="4" fillId="0" borderId="3" xfId="0" applyFont="1" applyBorder="1" applyAlignment="1">
      <alignment horizontal="left" vertical="center" wrapText="1"/>
    </xf>
    <xf numFmtId="0" fontId="4" fillId="0" borderId="3" xfId="0" applyFont="1" applyBorder="1" applyAlignment="1">
      <alignment vertical="center" wrapText="1"/>
    </xf>
    <xf numFmtId="0" fontId="0" fillId="0" borderId="3" xfId="0" applyBorder="1">
      <alignment vertical="center"/>
    </xf>
    <xf numFmtId="0" fontId="0" fillId="0" borderId="0" xfId="0" applyBorder="1">
      <alignment vertical="center"/>
    </xf>
    <xf numFmtId="0" fontId="0" fillId="0" borderId="10" xfId="0" applyBorder="1">
      <alignment vertical="center"/>
    </xf>
    <xf numFmtId="0" fontId="5" fillId="0" borderId="3" xfId="0" applyFont="1" applyBorder="1" applyAlignment="1">
      <alignment horizontal="left" vertical="top" wrapText="1"/>
    </xf>
    <xf numFmtId="0" fontId="14" fillId="0" borderId="2" xfId="0" applyFont="1" applyBorder="1" applyAlignment="1">
      <alignment horizontal="left" vertical="top" wrapText="1"/>
    </xf>
    <xf numFmtId="0" fontId="14" fillId="0" borderId="2" xfId="0" applyFont="1" applyBorder="1" applyAlignment="1">
      <alignment horizontal="left" vertical="center" wrapText="1"/>
    </xf>
    <xf numFmtId="0" fontId="15" fillId="0" borderId="2" xfId="0" applyFont="1" applyBorder="1" applyAlignment="1">
      <alignment vertical="center" wrapText="1"/>
    </xf>
    <xf numFmtId="0" fontId="13" fillId="0" borderId="2" xfId="0" applyFont="1" applyBorder="1" applyAlignment="1">
      <alignment vertical="center" wrapText="1"/>
    </xf>
    <xf numFmtId="0" fontId="7" fillId="0" borderId="2" xfId="0" applyFont="1" applyBorder="1" applyAlignment="1">
      <alignment vertical="center" wrapText="1"/>
    </xf>
    <xf numFmtId="0" fontId="6" fillId="0" borderId="2" xfId="0" applyFont="1" applyBorder="1" applyAlignment="1">
      <alignment vertical="center" wrapText="1"/>
    </xf>
    <xf numFmtId="0" fontId="3" fillId="0" borderId="2" xfId="0" applyFont="1" applyFill="1" applyBorder="1" applyAlignment="1">
      <alignment horizontal="center" vertical="center"/>
    </xf>
    <xf numFmtId="0" fontId="4" fillId="0" borderId="2" xfId="0" applyFont="1" applyFill="1" applyBorder="1" applyAlignment="1">
      <alignment horizontal="center" vertical="center"/>
    </xf>
    <xf numFmtId="0" fontId="11" fillId="0" borderId="2" xfId="0" applyFont="1" applyFill="1" applyBorder="1" applyAlignment="1">
      <alignment horizontal="center" vertical="center"/>
    </xf>
    <xf numFmtId="0" fontId="11" fillId="0" borderId="2" xfId="0" applyFont="1" applyFill="1" applyBorder="1" applyAlignment="1">
      <alignment horizontal="center" vertical="center" wrapText="1"/>
    </xf>
    <xf numFmtId="0" fontId="11" fillId="0" borderId="2" xfId="0" applyFont="1" applyFill="1" applyBorder="1" applyAlignment="1">
      <alignment horizontal="left" vertical="center" wrapText="1"/>
    </xf>
    <xf numFmtId="0" fontId="11" fillId="0" borderId="2" xfId="0" applyFont="1" applyFill="1" applyBorder="1" applyAlignment="1">
      <alignment vertical="center" wrapText="1"/>
    </xf>
    <xf numFmtId="0" fontId="4" fillId="0" borderId="2" xfId="0" applyFont="1" applyFill="1" applyBorder="1" applyAlignment="1">
      <alignment vertical="center" wrapText="1"/>
    </xf>
    <xf numFmtId="0" fontId="4" fillId="0" borderId="2" xfId="0" applyFont="1" applyFill="1" applyBorder="1">
      <alignment vertical="center"/>
    </xf>
    <xf numFmtId="0" fontId="0" fillId="0" borderId="2" xfId="0" applyFill="1" applyBorder="1">
      <alignment vertical="center"/>
    </xf>
    <xf numFmtId="0" fontId="14" fillId="0" borderId="2" xfId="0" applyFont="1" applyFill="1" applyBorder="1" applyAlignment="1">
      <alignment vertical="center" wrapText="1"/>
    </xf>
    <xf numFmtId="0" fontId="4" fillId="0" borderId="2" xfId="0" applyFont="1" applyFill="1" applyBorder="1" applyAlignment="1">
      <alignment horizontal="center" vertical="center" wrapText="1"/>
    </xf>
    <xf numFmtId="0" fontId="4" fillId="0" borderId="2" xfId="0" applyFont="1" applyFill="1" applyBorder="1" applyAlignment="1">
      <alignment horizontal="left" vertical="center" wrapText="1"/>
    </xf>
    <xf numFmtId="0" fontId="13" fillId="0" borderId="2" xfId="0" applyFont="1" applyFill="1" applyBorder="1" applyAlignment="1">
      <alignment horizontal="left" vertical="center" wrapText="1"/>
    </xf>
    <xf numFmtId="0" fontId="11" fillId="0" borderId="2" xfId="0" applyFont="1" applyFill="1" applyBorder="1">
      <alignment vertical="center"/>
    </xf>
    <xf numFmtId="0" fontId="16" fillId="0" borderId="2" xfId="0" applyFont="1" applyFill="1" applyBorder="1" applyAlignment="1">
      <alignment horizontal="center" vertical="center"/>
    </xf>
    <xf numFmtId="0" fontId="17" fillId="0" borderId="2" xfId="0" applyFont="1" applyFill="1" applyBorder="1" applyAlignment="1">
      <alignment horizontal="center" vertical="center" wrapText="1"/>
    </xf>
    <xf numFmtId="0" fontId="17" fillId="0" borderId="2" xfId="0" applyFont="1" applyFill="1" applyBorder="1" applyAlignment="1">
      <alignment horizontal="left" vertical="center" wrapText="1"/>
    </xf>
    <xf numFmtId="0" fontId="17" fillId="0" borderId="2" xfId="0" applyFont="1" applyFill="1" applyBorder="1" applyAlignment="1">
      <alignment vertical="center" wrapText="1"/>
    </xf>
    <xf numFmtId="0" fontId="18" fillId="0" borderId="2" xfId="0" applyFont="1" applyFill="1" applyBorder="1">
      <alignment vertical="center"/>
    </xf>
    <xf numFmtId="0" fontId="4" fillId="0" borderId="0" xfId="0" applyFont="1">
      <alignment vertical="center"/>
    </xf>
    <xf numFmtId="0" fontId="3" fillId="2" borderId="8" xfId="0" applyFont="1" applyFill="1" applyBorder="1" applyAlignment="1">
      <alignment horizontal="center" vertical="center"/>
    </xf>
    <xf numFmtId="0" fontId="10" fillId="0" borderId="2" xfId="0" applyFont="1" applyFill="1" applyBorder="1" applyAlignment="1">
      <alignment horizontal="left" vertical="center" wrapText="1"/>
    </xf>
    <xf numFmtId="0" fontId="5" fillId="0" borderId="2" xfId="0" applyFont="1" applyFill="1" applyBorder="1" applyAlignment="1">
      <alignment vertical="center" wrapText="1"/>
    </xf>
    <xf numFmtId="0" fontId="19" fillId="0" borderId="0" xfId="0" applyFont="1">
      <alignment vertical="center"/>
    </xf>
    <xf numFmtId="0" fontId="0" fillId="0" borderId="0" xfId="0" applyFill="1">
      <alignment vertical="center"/>
    </xf>
    <xf numFmtId="0" fontId="7" fillId="0" borderId="2" xfId="0" applyFont="1" applyFill="1" applyBorder="1" applyAlignment="1">
      <alignment vertical="center" wrapText="1"/>
    </xf>
    <xf numFmtId="0" fontId="0" fillId="3" borderId="0" xfId="0" applyFill="1">
      <alignment vertical="center"/>
    </xf>
    <xf numFmtId="0" fontId="3" fillId="3" borderId="2" xfId="0" applyFont="1" applyFill="1" applyBorder="1" applyAlignment="1">
      <alignment horizontal="center" vertical="center"/>
    </xf>
    <xf numFmtId="0" fontId="4" fillId="3" borderId="2" xfId="0" applyFont="1" applyFill="1" applyBorder="1" applyAlignment="1">
      <alignment horizontal="center" vertical="center"/>
    </xf>
    <xf numFmtId="0" fontId="11" fillId="3" borderId="2" xfId="0" applyFont="1" applyFill="1" applyBorder="1" applyAlignment="1">
      <alignment horizontal="center" vertical="center"/>
    </xf>
    <xf numFmtId="0" fontId="11" fillId="3" borderId="2" xfId="0" applyFont="1" applyFill="1" applyBorder="1" applyAlignment="1">
      <alignment horizontal="left" vertical="center" wrapText="1"/>
    </xf>
    <xf numFmtId="0" fontId="11" fillId="3" borderId="2" xfId="0" applyFont="1" applyFill="1" applyBorder="1" applyAlignment="1">
      <alignment vertical="center" wrapText="1"/>
    </xf>
    <xf numFmtId="0" fontId="4" fillId="3" borderId="2" xfId="0" applyFont="1" applyFill="1" applyBorder="1" applyAlignment="1">
      <alignment vertical="center" wrapText="1"/>
    </xf>
    <xf numFmtId="0" fontId="4" fillId="3" borderId="2" xfId="0" applyFont="1" applyFill="1" applyBorder="1">
      <alignment vertical="center"/>
    </xf>
    <xf numFmtId="0" fontId="0" fillId="3" borderId="2" xfId="0" applyFill="1" applyBorder="1">
      <alignment vertical="center"/>
    </xf>
    <xf numFmtId="0" fontId="6" fillId="3" borderId="2" xfId="0" applyFont="1" applyFill="1" applyBorder="1" applyAlignment="1">
      <alignment vertical="center" wrapText="1"/>
    </xf>
    <xf numFmtId="0" fontId="11" fillId="3" borderId="2" xfId="0" applyFont="1" applyFill="1" applyBorder="1" applyAlignment="1">
      <alignment horizontal="center" vertical="center" wrapText="1"/>
    </xf>
    <xf numFmtId="0" fontId="4" fillId="3" borderId="2" xfId="0" applyFont="1" applyFill="1" applyBorder="1" applyAlignment="1">
      <alignment horizontal="center" vertical="center" wrapText="1"/>
    </xf>
    <xf numFmtId="0" fontId="4" fillId="3" borderId="2" xfId="0" applyFont="1" applyFill="1" applyBorder="1" applyAlignment="1">
      <alignment horizontal="left" vertical="center" wrapText="1"/>
    </xf>
    <xf numFmtId="0" fontId="5" fillId="3" borderId="2" xfId="0" applyFont="1" applyFill="1" applyBorder="1" applyAlignment="1">
      <alignment vertical="center" wrapText="1"/>
    </xf>
    <xf numFmtId="0" fontId="15" fillId="0" borderId="2" xfId="0" applyFont="1" applyFill="1" applyBorder="1" applyAlignment="1">
      <alignment horizontal="left" vertical="center" wrapText="1"/>
    </xf>
    <xf numFmtId="49" fontId="11" fillId="0" borderId="2" xfId="0" applyNumberFormat="1" applyFont="1" applyFill="1" applyBorder="1" applyAlignment="1">
      <alignment vertical="center" wrapText="1"/>
    </xf>
    <xf numFmtId="0" fontId="6" fillId="0" borderId="2" xfId="0" applyFont="1" applyFill="1" applyBorder="1" applyAlignment="1">
      <alignment horizontal="left" vertical="center" wrapText="1"/>
    </xf>
    <xf numFmtId="0" fontId="20" fillId="0" borderId="2" xfId="0" applyFont="1" applyFill="1" applyBorder="1" applyAlignment="1">
      <alignment horizontal="left" vertical="center" wrapText="1"/>
    </xf>
    <xf numFmtId="0" fontId="21" fillId="0" borderId="2" xfId="0" applyFont="1" applyFill="1" applyBorder="1" applyAlignment="1">
      <alignment horizontal="left" vertical="center" wrapText="1"/>
    </xf>
    <xf numFmtId="0" fontId="5" fillId="0" borderId="2" xfId="0" applyFont="1" applyFill="1" applyBorder="1" applyAlignment="1">
      <alignment horizontal="left" vertical="center" wrapText="1"/>
    </xf>
    <xf numFmtId="0" fontId="7" fillId="0" borderId="2" xfId="0" applyFont="1" applyFill="1" applyBorder="1" applyAlignment="1">
      <alignment horizontal="left" vertical="center" wrapText="1"/>
    </xf>
    <xf numFmtId="0" fontId="22" fillId="0" borderId="2" xfId="0" applyFont="1" applyFill="1" applyBorder="1" applyAlignment="1">
      <alignment horizontal="left" vertical="top" wrapText="1"/>
    </xf>
    <xf numFmtId="49" fontId="4" fillId="3" borderId="2" xfId="0" applyNumberFormat="1" applyFont="1" applyFill="1" applyBorder="1">
      <alignment vertical="center"/>
    </xf>
    <xf numFmtId="49" fontId="4" fillId="0" borderId="2" xfId="0" applyNumberFormat="1" applyFont="1" applyFill="1" applyBorder="1">
      <alignment vertical="center"/>
    </xf>
    <xf numFmtId="49" fontId="4" fillId="0" borderId="2" xfId="0" applyNumberFormat="1" applyFont="1" applyFill="1" applyBorder="1" applyAlignment="1">
      <alignment vertical="center" wrapText="1"/>
    </xf>
    <xf numFmtId="0" fontId="23" fillId="0" borderId="2" xfId="0" applyFont="1" applyFill="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12</xdr:col>
      <xdr:colOff>4596440</xdr:colOff>
      <xdr:row>1</xdr:row>
      <xdr:rowOff>86686</xdr:rowOff>
    </xdr:from>
    <xdr:ext cx="6470327" cy="1637371"/>
    <xdr:sp macro="" textlink="">
      <xdr:nvSpPr>
        <xdr:cNvPr id="2" name="テキスト ボックス 1"/>
        <xdr:cNvSpPr txBox="1"/>
      </xdr:nvSpPr>
      <xdr:spPr>
        <a:xfrm>
          <a:off x="58412690" y="205749"/>
          <a:ext cx="6470327" cy="1637371"/>
        </a:xfrm>
        <a:prstGeom prst="rect">
          <a:avLst/>
        </a:prstGeom>
        <a:solidFill>
          <a:schemeClr val="bg1"/>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2400">
              <a:solidFill>
                <a:sysClr val="windowText" lastClr="000000"/>
              </a:solidFill>
            </a:rPr>
            <a:t>連絡先が記載されていない指導者に依頼したい場合は、</a:t>
          </a:r>
          <a:r>
            <a:rPr lang="en-US" altLang="ja-JP" sz="2400">
              <a:solidFill>
                <a:sysClr val="windowText" lastClr="000000"/>
              </a:solidFill>
              <a:effectLst/>
              <a:latin typeface="+mn-lt"/>
              <a:ea typeface="+mn-ea"/>
              <a:cs typeface="+mn-cs"/>
            </a:rPr>
            <a:t>e-kanagawa</a:t>
          </a:r>
          <a:r>
            <a:rPr lang="ja-JP" altLang="ja-JP" sz="2400">
              <a:solidFill>
                <a:sysClr val="windowText" lastClr="000000"/>
              </a:solidFill>
              <a:effectLst/>
              <a:latin typeface="+mn-lt"/>
              <a:ea typeface="+mn-ea"/>
              <a:cs typeface="+mn-cs"/>
            </a:rPr>
            <a:t>電子申請</a:t>
          </a:r>
          <a:r>
            <a:rPr lang="ja-JP" altLang="en-US" sz="2400">
              <a:solidFill>
                <a:sysClr val="windowText" lastClr="000000"/>
              </a:solidFill>
              <a:effectLst/>
              <a:latin typeface="+mn-lt"/>
              <a:ea typeface="+mn-ea"/>
              <a:cs typeface="+mn-cs"/>
            </a:rPr>
            <a:t>で情報提供依頼申請を行ってください。</a:t>
          </a:r>
          <a:endParaRPr kumimoji="1" lang="ja-JP" altLang="en-US" sz="2400">
            <a:solidFill>
              <a:sysClr val="windowText" lastClr="000000"/>
            </a:solidFill>
          </a:endParaRPr>
        </a:p>
      </xdr:txBody>
    </xdr:sp>
    <xdr:clientData/>
  </xdr:oneCellAnchor>
</xdr:wsDr>
</file>

<file path=xl/drawings/drawing2.xml><?xml version="1.0" encoding="utf-8"?>
<xdr:wsDr xmlns:xdr="http://schemas.openxmlformats.org/drawingml/2006/spreadsheetDrawing" xmlns:a="http://schemas.openxmlformats.org/drawingml/2006/main">
  <xdr:oneCellAnchor>
    <xdr:from>
      <xdr:col>12</xdr:col>
      <xdr:colOff>4804833</xdr:colOff>
      <xdr:row>1</xdr:row>
      <xdr:rowOff>84667</xdr:rowOff>
    </xdr:from>
    <xdr:ext cx="6470327" cy="1637371"/>
    <xdr:sp macro="" textlink="">
      <xdr:nvSpPr>
        <xdr:cNvPr id="2" name="テキスト ボックス 1"/>
        <xdr:cNvSpPr txBox="1"/>
      </xdr:nvSpPr>
      <xdr:spPr>
        <a:xfrm>
          <a:off x="61679666" y="211667"/>
          <a:ext cx="6470327" cy="1637371"/>
        </a:xfrm>
        <a:prstGeom prst="rect">
          <a:avLst/>
        </a:prstGeom>
        <a:solidFill>
          <a:schemeClr val="bg1"/>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2400">
              <a:solidFill>
                <a:sysClr val="windowText" lastClr="000000"/>
              </a:solidFill>
            </a:rPr>
            <a:t>連絡先が記載されていない指導者に依頼したい場合は、</a:t>
          </a:r>
          <a:r>
            <a:rPr lang="en-US" altLang="ja-JP" sz="2400">
              <a:solidFill>
                <a:sysClr val="windowText" lastClr="000000"/>
              </a:solidFill>
              <a:effectLst/>
              <a:latin typeface="+mn-lt"/>
              <a:ea typeface="+mn-ea"/>
              <a:cs typeface="+mn-cs"/>
            </a:rPr>
            <a:t>e-kanagawa</a:t>
          </a:r>
          <a:r>
            <a:rPr lang="ja-JP" altLang="ja-JP" sz="2400">
              <a:solidFill>
                <a:sysClr val="windowText" lastClr="000000"/>
              </a:solidFill>
              <a:effectLst/>
              <a:latin typeface="+mn-lt"/>
              <a:ea typeface="+mn-ea"/>
              <a:cs typeface="+mn-cs"/>
            </a:rPr>
            <a:t>電子申請</a:t>
          </a:r>
          <a:r>
            <a:rPr lang="ja-JP" altLang="en-US" sz="2400">
              <a:solidFill>
                <a:sysClr val="windowText" lastClr="000000"/>
              </a:solidFill>
              <a:effectLst/>
              <a:latin typeface="+mn-lt"/>
              <a:ea typeface="+mn-ea"/>
              <a:cs typeface="+mn-cs"/>
            </a:rPr>
            <a:t>で情報提供依頼申請を行ってください。</a:t>
          </a:r>
          <a:endParaRPr kumimoji="1" lang="ja-JP" altLang="en-US" sz="2400">
            <a:solidFill>
              <a:sysClr val="windowText" lastClr="000000"/>
            </a:solidFill>
          </a:endParaRP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2" Type="http://schemas.openxmlformats.org/officeDocument/2006/relationships/hyperlink" Target="mailto:tocchi_tocchi_0408@icloud.com" TargetMode="External"/><Relationship Id="rId1" Type="http://schemas.openxmlformats.org/officeDocument/2006/relationships/hyperlink" Target="mailto:7.showa@gmail.com" TargetMode="External"/><Relationship Id="rId4"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79998168889431442"/>
    <pageSetUpPr fitToPage="1"/>
  </sheetPr>
  <dimension ref="A1:N355"/>
  <sheetViews>
    <sheetView showGridLines="0" tabSelected="1" view="pageBreakPreview" zoomScale="30" zoomScaleNormal="38" zoomScaleSheetLayoutView="30" workbookViewId="0">
      <pane xSplit="3" ySplit="4" topLeftCell="G5" activePane="bottomRight" state="frozen"/>
      <selection pane="topRight" activeCell="D1" sqref="D1"/>
      <selection pane="bottomLeft" activeCell="A5" sqref="A5"/>
      <selection pane="bottomRight" activeCell="B2" sqref="B2"/>
    </sheetView>
  </sheetViews>
  <sheetFormatPr defaultRowHeight="28.2"/>
  <cols>
    <col min="1" max="2" width="3.796875" customWidth="1"/>
    <col min="3" max="3" width="19.09765625" customWidth="1"/>
    <col min="4" max="4" width="22.8984375" customWidth="1"/>
    <col min="5" max="5" width="14.69921875" customWidth="1"/>
    <col min="6" max="6" width="69.796875" customWidth="1"/>
    <col min="7" max="7" width="72.3984375" customWidth="1"/>
    <col min="8" max="8" width="72" customWidth="1"/>
    <col min="9" max="9" width="164.09765625" style="33" customWidth="1"/>
    <col min="10" max="10" width="54.296875" customWidth="1"/>
    <col min="11" max="11" width="177.19921875" customWidth="1"/>
    <col min="12" max="12" width="39.19921875" customWidth="1"/>
    <col min="13" max="13" width="75.19921875" style="67" customWidth="1"/>
    <col min="14" max="14" width="75.09765625" customWidth="1"/>
  </cols>
  <sheetData>
    <row r="1" spans="3:14" ht="9.4499999999999993" customHeight="1"/>
    <row r="2" spans="3:14" ht="110.55" customHeight="1">
      <c r="C2" s="18" t="s">
        <v>124</v>
      </c>
    </row>
    <row r="3" spans="3:14" ht="36.450000000000003" customHeight="1" thickBot="1"/>
    <row r="4" spans="3:14" ht="409.2" customHeight="1" thickBot="1">
      <c r="C4" s="1" t="s">
        <v>113</v>
      </c>
      <c r="D4" s="5" t="s">
        <v>114</v>
      </c>
      <c r="E4" s="7" t="s">
        <v>115</v>
      </c>
      <c r="F4" s="8" t="s">
        <v>116</v>
      </c>
      <c r="G4" s="8" t="s">
        <v>117</v>
      </c>
      <c r="H4" s="8" t="s">
        <v>118</v>
      </c>
      <c r="I4" s="7" t="s">
        <v>119</v>
      </c>
      <c r="J4" s="10" t="s">
        <v>120</v>
      </c>
      <c r="K4" s="8" t="s">
        <v>121</v>
      </c>
      <c r="L4" s="12" t="s">
        <v>122</v>
      </c>
      <c r="M4" s="68" t="s">
        <v>123</v>
      </c>
      <c r="N4" s="14" t="s">
        <v>279</v>
      </c>
    </row>
    <row r="5" spans="3:14" ht="265.05" customHeight="1" thickTop="1">
      <c r="C5" s="2">
        <v>1</v>
      </c>
      <c r="D5" s="6" t="s">
        <v>0</v>
      </c>
      <c r="E5" s="6" t="s">
        <v>1</v>
      </c>
      <c r="F5" s="6" t="s">
        <v>2</v>
      </c>
      <c r="G5" s="9" t="s">
        <v>3</v>
      </c>
      <c r="H5" s="9" t="s">
        <v>4</v>
      </c>
      <c r="I5" s="9" t="s">
        <v>143</v>
      </c>
      <c r="J5" s="6" t="s">
        <v>5</v>
      </c>
      <c r="K5" s="9" t="s">
        <v>144</v>
      </c>
      <c r="L5" s="13" t="s">
        <v>4</v>
      </c>
      <c r="M5" s="13" t="s">
        <v>4</v>
      </c>
      <c r="N5" s="22"/>
    </row>
    <row r="6" spans="3:14" ht="265.5" customHeight="1">
      <c r="C6" s="3">
        <v>2</v>
      </c>
      <c r="D6" s="6" t="s">
        <v>0</v>
      </c>
      <c r="E6" s="6" t="s">
        <v>1</v>
      </c>
      <c r="F6" s="6" t="s">
        <v>6</v>
      </c>
      <c r="G6" s="9" t="s">
        <v>7</v>
      </c>
      <c r="H6" s="9" t="s">
        <v>8</v>
      </c>
      <c r="I6" s="9" t="s">
        <v>140</v>
      </c>
      <c r="J6" s="6" t="s">
        <v>5</v>
      </c>
      <c r="K6" s="9" t="s">
        <v>4</v>
      </c>
      <c r="L6" s="13" t="s">
        <v>9</v>
      </c>
      <c r="M6" s="13" t="s">
        <v>10</v>
      </c>
      <c r="N6" s="23"/>
    </row>
    <row r="7" spans="3:14" ht="409.5" customHeight="1">
      <c r="C7" s="2">
        <v>3</v>
      </c>
      <c r="D7" s="6" t="s">
        <v>0</v>
      </c>
      <c r="E7" s="6" t="s">
        <v>11</v>
      </c>
      <c r="F7" s="6" t="s">
        <v>6</v>
      </c>
      <c r="G7" s="9" t="s">
        <v>12</v>
      </c>
      <c r="H7" s="9" t="s">
        <v>13</v>
      </c>
      <c r="I7" s="9" t="s">
        <v>141</v>
      </c>
      <c r="J7" s="6" t="s">
        <v>5</v>
      </c>
      <c r="K7" s="11" t="s">
        <v>145</v>
      </c>
      <c r="L7" s="13" t="s">
        <v>14</v>
      </c>
      <c r="M7" s="13" t="s">
        <v>15</v>
      </c>
      <c r="N7" s="23"/>
    </row>
    <row r="8" spans="3:14" ht="244.95" customHeight="1">
      <c r="C8" s="4">
        <v>4</v>
      </c>
      <c r="D8" s="6" t="s">
        <v>0</v>
      </c>
      <c r="E8" s="6" t="s">
        <v>16</v>
      </c>
      <c r="F8" s="6" t="s">
        <v>17</v>
      </c>
      <c r="G8" s="9" t="s">
        <v>18</v>
      </c>
      <c r="H8" s="9" t="s">
        <v>214</v>
      </c>
      <c r="I8" s="9" t="s">
        <v>146</v>
      </c>
      <c r="J8" s="6" t="s">
        <v>5</v>
      </c>
      <c r="K8" s="9" t="s">
        <v>147</v>
      </c>
      <c r="L8" s="13" t="s">
        <v>4</v>
      </c>
      <c r="M8" s="13" t="s">
        <v>4</v>
      </c>
      <c r="N8" s="23"/>
    </row>
    <row r="9" spans="3:14" ht="244.95" customHeight="1">
      <c r="C9" s="2">
        <v>5</v>
      </c>
      <c r="D9" s="6" t="s">
        <v>0</v>
      </c>
      <c r="E9" s="6" t="s">
        <v>1</v>
      </c>
      <c r="F9" s="6" t="s">
        <v>6</v>
      </c>
      <c r="G9" s="9" t="s">
        <v>19</v>
      </c>
      <c r="H9" s="9" t="s">
        <v>20</v>
      </c>
      <c r="I9" s="9" t="s">
        <v>148</v>
      </c>
      <c r="J9" s="6" t="s">
        <v>149</v>
      </c>
      <c r="K9" s="9" t="s">
        <v>21</v>
      </c>
      <c r="L9" s="13" t="s">
        <v>4</v>
      </c>
      <c r="M9" s="13" t="s">
        <v>22</v>
      </c>
      <c r="N9" s="23"/>
    </row>
    <row r="10" spans="3:14" ht="334.95" customHeight="1">
      <c r="C10" s="2">
        <v>6</v>
      </c>
      <c r="D10" s="6" t="s">
        <v>0</v>
      </c>
      <c r="E10" s="6" t="s">
        <v>16</v>
      </c>
      <c r="F10" s="6" t="s">
        <v>6</v>
      </c>
      <c r="G10" s="9" t="s">
        <v>23</v>
      </c>
      <c r="H10" s="9" t="s">
        <v>150</v>
      </c>
      <c r="I10" s="9" t="s">
        <v>151</v>
      </c>
      <c r="J10" s="6" t="s">
        <v>5</v>
      </c>
      <c r="K10" s="9" t="s">
        <v>152</v>
      </c>
      <c r="L10" s="13" t="s">
        <v>24</v>
      </c>
      <c r="M10" s="13" t="s">
        <v>25</v>
      </c>
      <c r="N10" s="23"/>
    </row>
    <row r="11" spans="3:14" ht="244.95" customHeight="1">
      <c r="C11" s="2">
        <v>8</v>
      </c>
      <c r="D11" s="6" t="s">
        <v>0</v>
      </c>
      <c r="E11" s="6" t="s">
        <v>11</v>
      </c>
      <c r="F11" s="6" t="s">
        <v>17</v>
      </c>
      <c r="G11" s="9" t="s">
        <v>26</v>
      </c>
      <c r="H11" s="9" t="s">
        <v>27</v>
      </c>
      <c r="I11" s="9" t="s">
        <v>153</v>
      </c>
      <c r="J11" s="6" t="s">
        <v>5</v>
      </c>
      <c r="K11" s="9" t="s">
        <v>4</v>
      </c>
      <c r="L11" s="13" t="s">
        <v>4</v>
      </c>
      <c r="M11" s="13" t="s">
        <v>28</v>
      </c>
      <c r="N11" s="23"/>
    </row>
    <row r="12" spans="3:14" ht="244.95" customHeight="1">
      <c r="C12" s="2">
        <v>9</v>
      </c>
      <c r="D12" s="6" t="s">
        <v>0</v>
      </c>
      <c r="E12" s="6" t="s">
        <v>29</v>
      </c>
      <c r="F12" s="6" t="s">
        <v>6</v>
      </c>
      <c r="G12" s="9" t="s">
        <v>30</v>
      </c>
      <c r="H12" s="9" t="s">
        <v>4</v>
      </c>
      <c r="I12" s="9" t="s">
        <v>154</v>
      </c>
      <c r="J12" s="6" t="s">
        <v>5</v>
      </c>
      <c r="K12" s="9" t="s">
        <v>155</v>
      </c>
      <c r="L12" s="13" t="s">
        <v>31</v>
      </c>
      <c r="M12" s="13" t="s">
        <v>32</v>
      </c>
      <c r="N12" s="23"/>
    </row>
    <row r="13" spans="3:14" ht="244.95" customHeight="1">
      <c r="C13" s="2">
        <v>10</v>
      </c>
      <c r="D13" s="6" t="s">
        <v>0</v>
      </c>
      <c r="E13" s="6" t="s">
        <v>33</v>
      </c>
      <c r="F13" s="6" t="s">
        <v>6</v>
      </c>
      <c r="G13" s="9" t="s">
        <v>34</v>
      </c>
      <c r="H13" s="9" t="s">
        <v>35</v>
      </c>
      <c r="I13" s="9" t="s">
        <v>156</v>
      </c>
      <c r="J13" s="6" t="s">
        <v>149</v>
      </c>
      <c r="K13" s="9" t="s">
        <v>157</v>
      </c>
      <c r="L13" s="13" t="s">
        <v>4</v>
      </c>
      <c r="M13" s="13" t="s">
        <v>4</v>
      </c>
      <c r="N13" s="23"/>
    </row>
    <row r="14" spans="3:14" ht="244.95" customHeight="1">
      <c r="C14" s="2">
        <v>11</v>
      </c>
      <c r="D14" s="6" t="s">
        <v>0</v>
      </c>
      <c r="E14" s="6" t="s">
        <v>16</v>
      </c>
      <c r="F14" s="6" t="s">
        <v>36</v>
      </c>
      <c r="G14" s="9" t="s">
        <v>37</v>
      </c>
      <c r="H14" s="9" t="s">
        <v>38</v>
      </c>
      <c r="I14" s="9" t="s">
        <v>158</v>
      </c>
      <c r="J14" s="6" t="s">
        <v>5</v>
      </c>
      <c r="K14" s="9" t="s">
        <v>159</v>
      </c>
      <c r="L14" s="13" t="s">
        <v>4</v>
      </c>
      <c r="M14" s="13" t="s">
        <v>39</v>
      </c>
      <c r="N14" s="23"/>
    </row>
    <row r="15" spans="3:14" ht="244.95" customHeight="1">
      <c r="C15" s="2">
        <v>12</v>
      </c>
      <c r="D15" s="6" t="s">
        <v>0</v>
      </c>
      <c r="E15" s="6" t="s">
        <v>11</v>
      </c>
      <c r="F15" s="6" t="s">
        <v>40</v>
      </c>
      <c r="G15" s="9" t="s">
        <v>41</v>
      </c>
      <c r="H15" s="9" t="s">
        <v>20</v>
      </c>
      <c r="I15" s="9" t="s">
        <v>42</v>
      </c>
      <c r="J15" s="6" t="s">
        <v>5</v>
      </c>
      <c r="K15" s="9" t="s">
        <v>160</v>
      </c>
      <c r="L15" s="13" t="s">
        <v>4</v>
      </c>
      <c r="M15" s="13" t="s">
        <v>43</v>
      </c>
      <c r="N15" s="23"/>
    </row>
    <row r="16" spans="3:14" ht="244.95" customHeight="1">
      <c r="C16" s="2">
        <v>13</v>
      </c>
      <c r="D16" s="6" t="s">
        <v>0</v>
      </c>
      <c r="E16" s="6" t="s">
        <v>29</v>
      </c>
      <c r="F16" s="6" t="s">
        <v>44</v>
      </c>
      <c r="G16" s="9" t="s">
        <v>45</v>
      </c>
      <c r="H16" s="9" t="s">
        <v>142</v>
      </c>
      <c r="I16" s="9" t="s">
        <v>161</v>
      </c>
      <c r="J16" s="6" t="s">
        <v>5</v>
      </c>
      <c r="K16" s="9" t="s">
        <v>162</v>
      </c>
      <c r="L16" s="13" t="s">
        <v>46</v>
      </c>
      <c r="M16" s="13" t="s">
        <v>47</v>
      </c>
      <c r="N16" s="23"/>
    </row>
    <row r="17" spans="3:14" ht="244.95" customHeight="1">
      <c r="C17" s="2">
        <v>14</v>
      </c>
      <c r="D17" s="6" t="s">
        <v>0</v>
      </c>
      <c r="E17" s="6" t="s">
        <v>33</v>
      </c>
      <c r="F17" s="6" t="s">
        <v>36</v>
      </c>
      <c r="G17" s="9" t="s">
        <v>48</v>
      </c>
      <c r="H17" s="9" t="s">
        <v>163</v>
      </c>
      <c r="I17" s="9" t="s">
        <v>164</v>
      </c>
      <c r="J17" s="6" t="s">
        <v>5</v>
      </c>
      <c r="K17" s="9" t="s">
        <v>165</v>
      </c>
      <c r="L17" s="13" t="s">
        <v>4</v>
      </c>
      <c r="M17" s="13" t="s">
        <v>49</v>
      </c>
      <c r="N17" s="23"/>
    </row>
    <row r="18" spans="3:14" ht="409.5" customHeight="1">
      <c r="C18" s="2">
        <v>15</v>
      </c>
      <c r="D18" s="6" t="s">
        <v>0</v>
      </c>
      <c r="E18" s="6" t="s">
        <v>16</v>
      </c>
      <c r="F18" s="6" t="s">
        <v>36</v>
      </c>
      <c r="G18" s="9" t="s">
        <v>50</v>
      </c>
      <c r="H18" s="9" t="s">
        <v>166</v>
      </c>
      <c r="I18" s="9" t="s">
        <v>167</v>
      </c>
      <c r="J18" s="6" t="s">
        <v>5</v>
      </c>
      <c r="K18" s="15" t="s">
        <v>168</v>
      </c>
      <c r="L18" s="13" t="s">
        <v>4</v>
      </c>
      <c r="M18" s="13" t="s">
        <v>4</v>
      </c>
      <c r="N18" s="23"/>
    </row>
    <row r="19" spans="3:14" ht="244.95" customHeight="1">
      <c r="C19" s="2">
        <v>16</v>
      </c>
      <c r="D19" s="6" t="s">
        <v>0</v>
      </c>
      <c r="E19" s="6" t="s">
        <v>29</v>
      </c>
      <c r="F19" s="6" t="s">
        <v>51</v>
      </c>
      <c r="G19" s="9" t="s">
        <v>52</v>
      </c>
      <c r="H19" s="9" t="s">
        <v>169</v>
      </c>
      <c r="I19" s="9" t="s">
        <v>53</v>
      </c>
      <c r="J19" s="6" t="s">
        <v>5</v>
      </c>
      <c r="K19" s="9" t="s">
        <v>170</v>
      </c>
      <c r="L19" s="13" t="s">
        <v>54</v>
      </c>
      <c r="M19" s="13" t="s">
        <v>55</v>
      </c>
      <c r="N19" s="23"/>
    </row>
    <row r="20" spans="3:14" ht="244.95" customHeight="1">
      <c r="C20" s="2">
        <v>17</v>
      </c>
      <c r="D20" s="6" t="s">
        <v>0</v>
      </c>
      <c r="E20" s="6" t="s">
        <v>33</v>
      </c>
      <c r="F20" s="6" t="s">
        <v>36</v>
      </c>
      <c r="G20" s="9" t="s">
        <v>56</v>
      </c>
      <c r="H20" s="9" t="s">
        <v>216</v>
      </c>
      <c r="I20" s="9" t="s">
        <v>171</v>
      </c>
      <c r="J20" s="6" t="s">
        <v>149</v>
      </c>
      <c r="K20" s="9" t="s">
        <v>172</v>
      </c>
      <c r="L20" s="13" t="s">
        <v>4</v>
      </c>
      <c r="M20" s="13" t="s">
        <v>57</v>
      </c>
      <c r="N20" s="23"/>
    </row>
    <row r="21" spans="3:14" ht="244.95" customHeight="1">
      <c r="C21" s="2">
        <v>18</v>
      </c>
      <c r="D21" s="6" t="s">
        <v>0</v>
      </c>
      <c r="E21" s="6" t="s">
        <v>16</v>
      </c>
      <c r="F21" s="6" t="s">
        <v>6</v>
      </c>
      <c r="G21" s="9" t="s">
        <v>12</v>
      </c>
      <c r="H21" s="9" t="s">
        <v>4</v>
      </c>
      <c r="I21" s="9" t="s">
        <v>173</v>
      </c>
      <c r="J21" s="6" t="s">
        <v>5</v>
      </c>
      <c r="K21" s="9" t="s">
        <v>174</v>
      </c>
      <c r="L21" s="13" t="s">
        <v>4</v>
      </c>
      <c r="M21" s="13" t="s">
        <v>58</v>
      </c>
      <c r="N21" s="23"/>
    </row>
    <row r="22" spans="3:14" ht="244.95" customHeight="1">
      <c r="C22" s="2">
        <v>19</v>
      </c>
      <c r="D22" s="6" t="s">
        <v>0</v>
      </c>
      <c r="E22" s="6" t="s">
        <v>33</v>
      </c>
      <c r="F22" s="6" t="s">
        <v>36</v>
      </c>
      <c r="G22" s="9" t="s">
        <v>59</v>
      </c>
      <c r="H22" s="9" t="s">
        <v>175</v>
      </c>
      <c r="I22" s="9" t="s">
        <v>176</v>
      </c>
      <c r="J22" s="6" t="s">
        <v>149</v>
      </c>
      <c r="K22" s="9" t="s">
        <v>60</v>
      </c>
      <c r="L22" s="13" t="s">
        <v>4</v>
      </c>
      <c r="M22" s="13" t="s">
        <v>61</v>
      </c>
      <c r="N22" s="23"/>
    </row>
    <row r="23" spans="3:14" ht="244.95" customHeight="1">
      <c r="C23" s="2">
        <v>20</v>
      </c>
      <c r="D23" s="6" t="s">
        <v>0</v>
      </c>
      <c r="E23" s="6" t="s">
        <v>33</v>
      </c>
      <c r="F23" s="6" t="s">
        <v>51</v>
      </c>
      <c r="G23" s="9" t="s">
        <v>7</v>
      </c>
      <c r="H23" s="9" t="s">
        <v>177</v>
      </c>
      <c r="I23" s="9" t="s">
        <v>178</v>
      </c>
      <c r="J23" s="6" t="s">
        <v>62</v>
      </c>
      <c r="K23" s="9" t="s">
        <v>179</v>
      </c>
      <c r="L23" s="13" t="s">
        <v>63</v>
      </c>
      <c r="M23" s="13" t="s">
        <v>64</v>
      </c>
      <c r="N23" s="23"/>
    </row>
    <row r="24" spans="3:14" ht="388.5" customHeight="1">
      <c r="C24" s="2">
        <v>21</v>
      </c>
      <c r="D24" s="6" t="s">
        <v>0</v>
      </c>
      <c r="E24" s="6" t="s">
        <v>29</v>
      </c>
      <c r="F24" s="6" t="s">
        <v>65</v>
      </c>
      <c r="G24" s="9" t="s">
        <v>66</v>
      </c>
      <c r="H24" s="9" t="s">
        <v>67</v>
      </c>
      <c r="I24" s="9" t="s">
        <v>68</v>
      </c>
      <c r="J24" s="6" t="s">
        <v>5</v>
      </c>
      <c r="K24" s="9" t="s">
        <v>180</v>
      </c>
      <c r="L24" s="13" t="s">
        <v>4</v>
      </c>
      <c r="M24" s="13"/>
      <c r="N24" s="23"/>
    </row>
    <row r="25" spans="3:14" ht="244.95" customHeight="1">
      <c r="C25" s="2">
        <v>22</v>
      </c>
      <c r="D25" s="6" t="s">
        <v>0</v>
      </c>
      <c r="E25" s="6" t="s">
        <v>11</v>
      </c>
      <c r="F25" s="6" t="s">
        <v>69</v>
      </c>
      <c r="G25" s="9" t="s">
        <v>70</v>
      </c>
      <c r="H25" s="9" t="s">
        <v>71</v>
      </c>
      <c r="I25" s="9" t="s">
        <v>4</v>
      </c>
      <c r="J25" s="6" t="s">
        <v>62</v>
      </c>
      <c r="K25" s="9" t="s">
        <v>181</v>
      </c>
      <c r="L25" s="13" t="s">
        <v>4</v>
      </c>
      <c r="M25" s="13" t="s">
        <v>72</v>
      </c>
      <c r="N25" s="23"/>
    </row>
    <row r="26" spans="3:14" ht="357" customHeight="1">
      <c r="C26" s="2">
        <v>24</v>
      </c>
      <c r="D26" s="6" t="s">
        <v>0</v>
      </c>
      <c r="E26" s="6" t="s">
        <v>29</v>
      </c>
      <c r="F26" s="6" t="s">
        <v>73</v>
      </c>
      <c r="G26" s="9" t="s">
        <v>74</v>
      </c>
      <c r="H26" s="9" t="s">
        <v>182</v>
      </c>
      <c r="I26" s="9" t="s">
        <v>75</v>
      </c>
      <c r="J26" s="6" t="s">
        <v>5</v>
      </c>
      <c r="K26" s="9" t="s">
        <v>4</v>
      </c>
      <c r="L26" s="13" t="s">
        <v>4</v>
      </c>
      <c r="M26" s="13" t="s">
        <v>76</v>
      </c>
      <c r="N26" s="23"/>
    </row>
    <row r="27" spans="3:14" ht="409.5" customHeight="1">
      <c r="C27" s="2">
        <v>26</v>
      </c>
      <c r="D27" s="6" t="s">
        <v>0</v>
      </c>
      <c r="E27" s="6" t="s">
        <v>29</v>
      </c>
      <c r="F27" s="6" t="s">
        <v>77</v>
      </c>
      <c r="G27" s="9" t="s">
        <v>78</v>
      </c>
      <c r="H27" s="9" t="s">
        <v>79</v>
      </c>
      <c r="I27" s="19" t="s">
        <v>183</v>
      </c>
      <c r="J27" s="6" t="s">
        <v>5</v>
      </c>
      <c r="K27" s="17" t="s">
        <v>184</v>
      </c>
      <c r="L27" s="13" t="s">
        <v>4</v>
      </c>
      <c r="M27" s="13" t="s">
        <v>80</v>
      </c>
      <c r="N27" s="23"/>
    </row>
    <row r="28" spans="3:14" ht="244.95" customHeight="1">
      <c r="C28" s="2">
        <v>27</v>
      </c>
      <c r="D28" s="6" t="s">
        <v>0</v>
      </c>
      <c r="E28" s="6" t="s">
        <v>11</v>
      </c>
      <c r="F28" s="6" t="s">
        <v>6</v>
      </c>
      <c r="G28" s="9" t="s">
        <v>81</v>
      </c>
      <c r="H28" s="9" t="s">
        <v>185</v>
      </c>
      <c r="I28" s="9" t="s">
        <v>82</v>
      </c>
      <c r="J28" s="6" t="s">
        <v>5</v>
      </c>
      <c r="K28" s="9" t="s">
        <v>4</v>
      </c>
      <c r="L28" s="13" t="s">
        <v>83</v>
      </c>
      <c r="M28" s="13" t="s">
        <v>84</v>
      </c>
      <c r="N28" s="23"/>
    </row>
    <row r="29" spans="3:14" ht="244.95" customHeight="1">
      <c r="C29" s="2">
        <v>28</v>
      </c>
      <c r="D29" s="6" t="s">
        <v>0</v>
      </c>
      <c r="E29" s="6" t="s">
        <v>29</v>
      </c>
      <c r="F29" s="6" t="s">
        <v>85</v>
      </c>
      <c r="G29" s="9" t="s">
        <v>86</v>
      </c>
      <c r="H29" s="9" t="s">
        <v>186</v>
      </c>
      <c r="I29" s="9" t="s">
        <v>187</v>
      </c>
      <c r="J29" s="6" t="s">
        <v>5</v>
      </c>
      <c r="K29" s="9" t="s">
        <v>4</v>
      </c>
      <c r="L29" s="13" t="s">
        <v>87</v>
      </c>
      <c r="M29" s="13" t="s">
        <v>88</v>
      </c>
      <c r="N29" s="23"/>
    </row>
    <row r="30" spans="3:14" ht="409.6" customHeight="1">
      <c r="C30" s="2">
        <v>29</v>
      </c>
      <c r="D30" s="6" t="s">
        <v>0</v>
      </c>
      <c r="E30" s="6" t="s">
        <v>11</v>
      </c>
      <c r="F30" s="6" t="s">
        <v>89</v>
      </c>
      <c r="G30" s="9" t="s">
        <v>90</v>
      </c>
      <c r="H30" s="9" t="s">
        <v>4</v>
      </c>
      <c r="I30" s="16" t="s">
        <v>188</v>
      </c>
      <c r="J30" s="6" t="s">
        <v>5</v>
      </c>
      <c r="K30" s="9" t="s">
        <v>91</v>
      </c>
      <c r="L30" s="13" t="s">
        <v>92</v>
      </c>
      <c r="M30" s="13" t="s">
        <v>93</v>
      </c>
      <c r="N30" s="23"/>
    </row>
    <row r="31" spans="3:14" ht="402" customHeight="1">
      <c r="C31" s="2">
        <v>30</v>
      </c>
      <c r="D31" s="6" t="s">
        <v>0</v>
      </c>
      <c r="E31" s="6" t="s">
        <v>33</v>
      </c>
      <c r="F31" s="6" t="s">
        <v>6</v>
      </c>
      <c r="G31" s="9" t="s">
        <v>488</v>
      </c>
      <c r="H31" s="9" t="s">
        <v>189</v>
      </c>
      <c r="I31" s="9" t="s">
        <v>492</v>
      </c>
      <c r="J31" s="6" t="s">
        <v>5</v>
      </c>
      <c r="K31" s="9" t="s">
        <v>190</v>
      </c>
      <c r="L31" s="13" t="s">
        <v>4</v>
      </c>
      <c r="M31" s="13"/>
      <c r="N31" s="23"/>
    </row>
    <row r="32" spans="3:14" ht="393.45" customHeight="1">
      <c r="C32" s="2">
        <v>31</v>
      </c>
      <c r="D32" s="6" t="s">
        <v>0</v>
      </c>
      <c r="E32" s="6" t="s">
        <v>29</v>
      </c>
      <c r="F32" s="6" t="s">
        <v>94</v>
      </c>
      <c r="G32" s="9" t="s">
        <v>95</v>
      </c>
      <c r="H32" s="9" t="s">
        <v>191</v>
      </c>
      <c r="I32" s="9" t="s">
        <v>192</v>
      </c>
      <c r="J32" s="6" t="s">
        <v>5</v>
      </c>
      <c r="K32" s="9" t="s">
        <v>4</v>
      </c>
      <c r="L32" s="13" t="s">
        <v>96</v>
      </c>
      <c r="M32" s="13" t="s">
        <v>97</v>
      </c>
      <c r="N32" s="23"/>
    </row>
    <row r="33" spans="3:14" ht="244.95" customHeight="1">
      <c r="C33" s="2">
        <v>32</v>
      </c>
      <c r="D33" s="6" t="s">
        <v>0</v>
      </c>
      <c r="E33" s="6" t="s">
        <v>16</v>
      </c>
      <c r="F33" s="6" t="s">
        <v>65</v>
      </c>
      <c r="G33" s="9" t="s">
        <v>489</v>
      </c>
      <c r="H33" s="9" t="s">
        <v>495</v>
      </c>
      <c r="I33" s="9" t="s">
        <v>494</v>
      </c>
      <c r="J33" s="6" t="s">
        <v>5</v>
      </c>
      <c r="K33" s="9" t="s">
        <v>493</v>
      </c>
      <c r="L33" s="13" t="s">
        <v>98</v>
      </c>
      <c r="M33" s="13" t="s">
        <v>4</v>
      </c>
      <c r="N33" s="24" t="s">
        <v>490</v>
      </c>
    </row>
    <row r="34" spans="3:14" ht="244.95" customHeight="1">
      <c r="C34" s="2">
        <v>34</v>
      </c>
      <c r="D34" s="6" t="s">
        <v>0</v>
      </c>
      <c r="E34" s="6" t="s">
        <v>29</v>
      </c>
      <c r="F34" s="6" t="s">
        <v>65</v>
      </c>
      <c r="G34" s="9" t="s">
        <v>99</v>
      </c>
      <c r="H34" s="9" t="s">
        <v>193</v>
      </c>
      <c r="I34" s="9" t="s">
        <v>100</v>
      </c>
      <c r="J34" s="6" t="s">
        <v>5</v>
      </c>
      <c r="K34" s="9" t="s">
        <v>101</v>
      </c>
      <c r="L34" s="13" t="s">
        <v>4</v>
      </c>
      <c r="M34" s="13" t="s">
        <v>102</v>
      </c>
      <c r="N34" s="23"/>
    </row>
    <row r="35" spans="3:14" ht="244.95" customHeight="1">
      <c r="C35" s="2">
        <v>35</v>
      </c>
      <c r="D35" s="6" t="s">
        <v>0</v>
      </c>
      <c r="E35" s="6" t="s">
        <v>11</v>
      </c>
      <c r="F35" s="6" t="s">
        <v>6</v>
      </c>
      <c r="G35" s="9" t="s">
        <v>103</v>
      </c>
      <c r="H35" s="9" t="s">
        <v>194</v>
      </c>
      <c r="I35" s="9" t="s">
        <v>195</v>
      </c>
      <c r="J35" s="6" t="s">
        <v>5</v>
      </c>
      <c r="K35" s="9" t="s">
        <v>4</v>
      </c>
      <c r="L35" s="13" t="s">
        <v>4</v>
      </c>
      <c r="M35" s="13" t="s">
        <v>104</v>
      </c>
      <c r="N35" s="23"/>
    </row>
    <row r="36" spans="3:14" ht="244.95" customHeight="1">
      <c r="C36" s="2">
        <v>36</v>
      </c>
      <c r="D36" s="6" t="s">
        <v>0</v>
      </c>
      <c r="E36" s="6" t="s">
        <v>29</v>
      </c>
      <c r="F36" s="6" t="s">
        <v>105</v>
      </c>
      <c r="G36" s="9" t="s">
        <v>106</v>
      </c>
      <c r="H36" s="9" t="s">
        <v>196</v>
      </c>
      <c r="I36" s="9" t="s">
        <v>197</v>
      </c>
      <c r="J36" s="6" t="s">
        <v>5</v>
      </c>
      <c r="K36" s="9" t="s">
        <v>4</v>
      </c>
      <c r="L36" s="13" t="s">
        <v>4</v>
      </c>
      <c r="M36" s="13" t="s">
        <v>4</v>
      </c>
      <c r="N36" s="23"/>
    </row>
    <row r="37" spans="3:14" ht="345" customHeight="1">
      <c r="C37" s="2">
        <v>38</v>
      </c>
      <c r="D37" s="6" t="s">
        <v>0</v>
      </c>
      <c r="E37" s="6" t="s">
        <v>16</v>
      </c>
      <c r="F37" s="6" t="s">
        <v>85</v>
      </c>
      <c r="G37" s="9" t="s">
        <v>74</v>
      </c>
      <c r="H37" s="9" t="s">
        <v>4</v>
      </c>
      <c r="I37" s="9" t="s">
        <v>107</v>
      </c>
      <c r="J37" s="6" t="s">
        <v>5</v>
      </c>
      <c r="K37" s="9" t="s">
        <v>198</v>
      </c>
      <c r="L37" s="13" t="s">
        <v>4</v>
      </c>
      <c r="M37" s="13" t="s">
        <v>4</v>
      </c>
      <c r="N37" s="23"/>
    </row>
    <row r="38" spans="3:14" ht="244.95" customHeight="1">
      <c r="C38" s="2">
        <v>39</v>
      </c>
      <c r="D38" s="6" t="s">
        <v>0</v>
      </c>
      <c r="E38" s="6" t="s">
        <v>33</v>
      </c>
      <c r="F38" s="6" t="s">
        <v>85</v>
      </c>
      <c r="G38" s="9" t="s">
        <v>108</v>
      </c>
      <c r="H38" s="9" t="s">
        <v>199</v>
      </c>
      <c r="I38" s="9" t="s">
        <v>200</v>
      </c>
      <c r="J38" s="6" t="s">
        <v>62</v>
      </c>
      <c r="K38" s="9" t="s">
        <v>201</v>
      </c>
      <c r="L38" s="13" t="s">
        <v>4</v>
      </c>
      <c r="M38" s="13" t="s">
        <v>109</v>
      </c>
      <c r="N38" s="23"/>
    </row>
    <row r="39" spans="3:14" ht="409.5" customHeight="1">
      <c r="C39" s="2">
        <v>40</v>
      </c>
      <c r="D39" s="6" t="s">
        <v>0</v>
      </c>
      <c r="E39" s="6" t="s">
        <v>33</v>
      </c>
      <c r="F39" s="6" t="s">
        <v>51</v>
      </c>
      <c r="G39" s="9" t="s">
        <v>110</v>
      </c>
      <c r="H39" s="9" t="s">
        <v>111</v>
      </c>
      <c r="I39" s="9" t="s">
        <v>202</v>
      </c>
      <c r="J39" s="6" t="s">
        <v>5</v>
      </c>
      <c r="K39" s="9" t="s">
        <v>203</v>
      </c>
      <c r="L39" s="13" t="s">
        <v>4</v>
      </c>
      <c r="M39" s="13" t="s">
        <v>112</v>
      </c>
      <c r="N39" s="23"/>
    </row>
    <row r="40" spans="3:14" ht="244.95" customHeight="1">
      <c r="C40" s="62">
        <v>41</v>
      </c>
      <c r="D40" s="63" t="s">
        <v>0</v>
      </c>
      <c r="E40" s="63" t="s">
        <v>29</v>
      </c>
      <c r="F40" s="63" t="s">
        <v>225</v>
      </c>
      <c r="G40" s="64" t="s">
        <v>19</v>
      </c>
      <c r="H40" s="64" t="s">
        <v>1333</v>
      </c>
      <c r="I40" s="64" t="s">
        <v>243</v>
      </c>
      <c r="J40" s="63" t="s">
        <v>5</v>
      </c>
      <c r="K40" s="64" t="s">
        <v>244</v>
      </c>
      <c r="L40" s="65" t="s">
        <v>4</v>
      </c>
      <c r="M40" s="65" t="s">
        <v>226</v>
      </c>
      <c r="N40" s="66"/>
    </row>
    <row r="41" spans="3:14" ht="244.95" customHeight="1">
      <c r="C41" s="2">
        <v>44</v>
      </c>
      <c r="D41" s="6" t="s">
        <v>0</v>
      </c>
      <c r="E41" s="6" t="s">
        <v>16</v>
      </c>
      <c r="F41" s="6" t="s">
        <v>227</v>
      </c>
      <c r="G41" s="9" t="s">
        <v>228</v>
      </c>
      <c r="H41" s="9" t="s">
        <v>229</v>
      </c>
      <c r="I41" s="9" t="s">
        <v>257</v>
      </c>
      <c r="J41" s="6" t="s">
        <v>258</v>
      </c>
      <c r="K41" s="9" t="s">
        <v>259</v>
      </c>
      <c r="L41" s="13" t="s">
        <v>4</v>
      </c>
      <c r="M41" s="13" t="s">
        <v>4</v>
      </c>
      <c r="N41" s="23"/>
    </row>
    <row r="42" spans="3:14" ht="376.5" customHeight="1">
      <c r="C42" s="2">
        <v>45</v>
      </c>
      <c r="D42" s="6" t="s">
        <v>0</v>
      </c>
      <c r="E42" s="6" t="s">
        <v>33</v>
      </c>
      <c r="F42" s="6" t="s">
        <v>36</v>
      </c>
      <c r="G42" s="9" t="s">
        <v>230</v>
      </c>
      <c r="H42" s="9" t="s">
        <v>245</v>
      </c>
      <c r="I42" s="9" t="s">
        <v>246</v>
      </c>
      <c r="J42" s="6" t="s">
        <v>5</v>
      </c>
      <c r="K42" s="19" t="s">
        <v>247</v>
      </c>
      <c r="L42" s="13" t="s">
        <v>231</v>
      </c>
      <c r="M42" s="13" t="s">
        <v>232</v>
      </c>
      <c r="N42" s="23"/>
    </row>
    <row r="43" spans="3:14" ht="409.6" customHeight="1">
      <c r="C43" s="2">
        <v>46</v>
      </c>
      <c r="D43" s="6" t="s">
        <v>0</v>
      </c>
      <c r="E43" s="6" t="s">
        <v>16</v>
      </c>
      <c r="F43" s="6" t="s">
        <v>248</v>
      </c>
      <c r="G43" s="9" t="s">
        <v>249</v>
      </c>
      <c r="H43" s="9" t="s">
        <v>250</v>
      </c>
      <c r="I43" s="9" t="s">
        <v>251</v>
      </c>
      <c r="J43" s="6" t="s">
        <v>5</v>
      </c>
      <c r="K43" s="19" t="s">
        <v>252</v>
      </c>
      <c r="L43" s="13" t="s">
        <v>4</v>
      </c>
      <c r="M43" s="13" t="s">
        <v>4</v>
      </c>
      <c r="N43" s="23"/>
    </row>
    <row r="44" spans="3:14" ht="405" customHeight="1">
      <c r="C44" s="2">
        <v>47</v>
      </c>
      <c r="D44" s="6" t="s">
        <v>0</v>
      </c>
      <c r="E44" s="6" t="s">
        <v>29</v>
      </c>
      <c r="F44" s="6" t="s">
        <v>233</v>
      </c>
      <c r="G44" s="9" t="s">
        <v>234</v>
      </c>
      <c r="H44" s="9" t="s">
        <v>253</v>
      </c>
      <c r="I44" s="9" t="s">
        <v>260</v>
      </c>
      <c r="J44" s="6" t="s">
        <v>62</v>
      </c>
      <c r="K44" s="9" t="s">
        <v>4</v>
      </c>
      <c r="L44" s="13" t="s">
        <v>4</v>
      </c>
      <c r="M44" s="13" t="s">
        <v>235</v>
      </c>
      <c r="N44" s="23"/>
    </row>
    <row r="45" spans="3:14" ht="409.6" customHeight="1">
      <c r="C45" s="2">
        <v>48</v>
      </c>
      <c r="D45" s="6" t="s">
        <v>126</v>
      </c>
      <c r="E45" s="6" t="s">
        <v>1</v>
      </c>
      <c r="F45" s="6" t="s">
        <v>236</v>
      </c>
      <c r="G45" s="9" t="s">
        <v>19</v>
      </c>
      <c r="H45" s="9" t="s">
        <v>4</v>
      </c>
      <c r="I45" s="9" t="s">
        <v>254</v>
      </c>
      <c r="J45" s="6" t="s">
        <v>5</v>
      </c>
      <c r="K45" s="20" t="s">
        <v>261</v>
      </c>
      <c r="L45" s="13" t="s">
        <v>4</v>
      </c>
      <c r="M45" s="13" t="s">
        <v>237</v>
      </c>
      <c r="N45" s="23"/>
    </row>
    <row r="46" spans="3:14" ht="409.6" customHeight="1">
      <c r="C46" s="2">
        <v>49</v>
      </c>
      <c r="D46" s="6" t="s">
        <v>0</v>
      </c>
      <c r="E46" s="6" t="s">
        <v>33</v>
      </c>
      <c r="F46" s="6" t="s">
        <v>225</v>
      </c>
      <c r="G46" s="9" t="s">
        <v>238</v>
      </c>
      <c r="H46" s="9" t="s">
        <v>255</v>
      </c>
      <c r="I46" s="9" t="s">
        <v>239</v>
      </c>
      <c r="J46" s="6" t="s">
        <v>5</v>
      </c>
      <c r="K46" s="11" t="s">
        <v>256</v>
      </c>
      <c r="L46" s="13" t="s">
        <v>240</v>
      </c>
      <c r="M46" s="13" t="s">
        <v>241</v>
      </c>
      <c r="N46" s="23"/>
    </row>
    <row r="47" spans="3:14" ht="245.55" customHeight="1">
      <c r="C47" s="2">
        <v>50</v>
      </c>
      <c r="D47" s="6" t="s">
        <v>0</v>
      </c>
      <c r="E47" s="6" t="s">
        <v>33</v>
      </c>
      <c r="F47" s="6" t="s">
        <v>73</v>
      </c>
      <c r="G47" s="9" t="s">
        <v>12</v>
      </c>
      <c r="H47" s="9" t="s">
        <v>242</v>
      </c>
      <c r="I47" s="9" t="s">
        <v>265</v>
      </c>
      <c r="J47" s="6" t="s">
        <v>62</v>
      </c>
      <c r="K47" s="9" t="s">
        <v>262</v>
      </c>
      <c r="L47" s="13" t="s">
        <v>4</v>
      </c>
      <c r="M47" s="13" t="s">
        <v>4</v>
      </c>
      <c r="N47" s="23"/>
    </row>
    <row r="48" spans="3:14" ht="378">
      <c r="C48" s="2">
        <v>52</v>
      </c>
      <c r="D48" s="6" t="s">
        <v>126</v>
      </c>
      <c r="E48" s="6" t="s">
        <v>29</v>
      </c>
      <c r="F48" s="6" t="s">
        <v>280</v>
      </c>
      <c r="G48" s="9" t="s">
        <v>281</v>
      </c>
      <c r="H48" s="19" t="s">
        <v>320</v>
      </c>
      <c r="I48" s="16" t="s">
        <v>343</v>
      </c>
      <c r="J48" s="6" t="s">
        <v>5</v>
      </c>
      <c r="K48" s="11" t="s">
        <v>318</v>
      </c>
      <c r="L48" s="13" t="s">
        <v>282</v>
      </c>
      <c r="M48" s="13" t="s">
        <v>283</v>
      </c>
      <c r="N48" s="24" t="s">
        <v>284</v>
      </c>
    </row>
    <row r="49" spans="3:14" ht="409.05" customHeight="1">
      <c r="C49" s="2">
        <v>53</v>
      </c>
      <c r="D49" s="6" t="s">
        <v>0</v>
      </c>
      <c r="E49" s="6" t="s">
        <v>29</v>
      </c>
      <c r="F49" s="6" t="s">
        <v>44</v>
      </c>
      <c r="G49" s="9" t="s">
        <v>285</v>
      </c>
      <c r="H49" s="9" t="s">
        <v>286</v>
      </c>
      <c r="I49" s="11" t="s">
        <v>321</v>
      </c>
      <c r="J49" s="6" t="s">
        <v>5</v>
      </c>
      <c r="K49" s="9" t="s">
        <v>322</v>
      </c>
      <c r="L49" s="13" t="s">
        <v>287</v>
      </c>
      <c r="M49" s="13" t="s">
        <v>288</v>
      </c>
      <c r="N49" s="23" t="s">
        <v>4</v>
      </c>
    </row>
    <row r="50" spans="3:14" ht="244.95" customHeight="1">
      <c r="C50" s="2">
        <v>54</v>
      </c>
      <c r="D50" s="6" t="s">
        <v>0</v>
      </c>
      <c r="E50" s="6" t="s">
        <v>1</v>
      </c>
      <c r="F50" s="6" t="s">
        <v>289</v>
      </c>
      <c r="G50" s="9" t="s">
        <v>290</v>
      </c>
      <c r="H50" s="9" t="s">
        <v>323</v>
      </c>
      <c r="I50" s="9" t="s">
        <v>324</v>
      </c>
      <c r="J50" s="6" t="s">
        <v>5</v>
      </c>
      <c r="K50" s="9" t="s">
        <v>325</v>
      </c>
      <c r="L50" s="13" t="s">
        <v>291</v>
      </c>
      <c r="M50" s="13" t="s">
        <v>292</v>
      </c>
      <c r="N50" s="23" t="s">
        <v>4</v>
      </c>
    </row>
    <row r="51" spans="3:14" ht="244.95" customHeight="1">
      <c r="C51" s="2">
        <v>55</v>
      </c>
      <c r="D51" s="6" t="s">
        <v>0</v>
      </c>
      <c r="E51" s="6" t="s">
        <v>1</v>
      </c>
      <c r="F51" s="6" t="s">
        <v>6</v>
      </c>
      <c r="G51" s="9" t="s">
        <v>293</v>
      </c>
      <c r="H51" s="9" t="s">
        <v>326</v>
      </c>
      <c r="I51" s="9" t="s">
        <v>4</v>
      </c>
      <c r="J51" s="6" t="s">
        <v>62</v>
      </c>
      <c r="K51" s="9" t="s">
        <v>294</v>
      </c>
      <c r="L51" s="13" t="s">
        <v>295</v>
      </c>
      <c r="M51" s="13" t="s">
        <v>296</v>
      </c>
      <c r="N51" s="23" t="s">
        <v>4</v>
      </c>
    </row>
    <row r="52" spans="3:14" ht="409.05" customHeight="1">
      <c r="C52" s="2">
        <v>56</v>
      </c>
      <c r="D52" s="6" t="s">
        <v>0</v>
      </c>
      <c r="E52" s="6" t="s">
        <v>29</v>
      </c>
      <c r="F52" s="6" t="s">
        <v>297</v>
      </c>
      <c r="G52" s="9" t="s">
        <v>7</v>
      </c>
      <c r="H52" s="19" t="s">
        <v>327</v>
      </c>
      <c r="I52" s="9" t="s">
        <v>328</v>
      </c>
      <c r="J52" s="6" t="s">
        <v>5</v>
      </c>
      <c r="K52" s="21" t="s">
        <v>344</v>
      </c>
      <c r="L52" s="13" t="s">
        <v>4</v>
      </c>
      <c r="M52" s="13" t="s">
        <v>4</v>
      </c>
      <c r="N52" s="23" t="s">
        <v>4</v>
      </c>
    </row>
    <row r="53" spans="3:14" ht="244.95" customHeight="1">
      <c r="C53" s="2">
        <v>57</v>
      </c>
      <c r="D53" s="6" t="s">
        <v>0</v>
      </c>
      <c r="E53" s="6" t="s">
        <v>33</v>
      </c>
      <c r="F53" s="6" t="s">
        <v>77</v>
      </c>
      <c r="G53" s="9" t="s">
        <v>19</v>
      </c>
      <c r="H53" s="9" t="s">
        <v>298</v>
      </c>
      <c r="I53" s="9" t="s">
        <v>299</v>
      </c>
      <c r="J53" s="6" t="s">
        <v>5</v>
      </c>
      <c r="K53" s="9" t="s">
        <v>345</v>
      </c>
      <c r="L53" s="13" t="s">
        <v>4</v>
      </c>
      <c r="M53" s="13" t="s">
        <v>4</v>
      </c>
      <c r="N53" s="23" t="s">
        <v>4</v>
      </c>
    </row>
    <row r="54" spans="3:14" ht="409.05" customHeight="1">
      <c r="C54" s="62">
        <v>58</v>
      </c>
      <c r="D54" s="63" t="s">
        <v>0</v>
      </c>
      <c r="E54" s="63" t="s">
        <v>33</v>
      </c>
      <c r="F54" s="63" t="s">
        <v>6</v>
      </c>
      <c r="G54" s="64" t="s">
        <v>1331</v>
      </c>
      <c r="H54" s="64" t="s">
        <v>1332</v>
      </c>
      <c r="I54" s="64" t="s">
        <v>300</v>
      </c>
      <c r="J54" s="63" t="s">
        <v>5</v>
      </c>
      <c r="K54" s="95" t="s">
        <v>1330</v>
      </c>
      <c r="L54" s="65" t="s">
        <v>4</v>
      </c>
      <c r="M54" s="65" t="s">
        <v>301</v>
      </c>
      <c r="N54" s="66" t="s">
        <v>4</v>
      </c>
    </row>
    <row r="55" spans="3:14" ht="244.95" customHeight="1">
      <c r="C55" s="2">
        <v>59</v>
      </c>
      <c r="D55" s="6" t="s">
        <v>0</v>
      </c>
      <c r="E55" s="6" t="s">
        <v>33</v>
      </c>
      <c r="F55" s="6" t="s">
        <v>302</v>
      </c>
      <c r="G55" s="9" t="s">
        <v>23</v>
      </c>
      <c r="H55" s="9" t="s">
        <v>4</v>
      </c>
      <c r="I55" s="9" t="s">
        <v>303</v>
      </c>
      <c r="J55" s="6" t="s">
        <v>5</v>
      </c>
      <c r="K55" s="9" t="s">
        <v>329</v>
      </c>
      <c r="L55" s="13" t="s">
        <v>4</v>
      </c>
      <c r="M55" s="13" t="s">
        <v>4</v>
      </c>
      <c r="N55" s="23" t="s">
        <v>4</v>
      </c>
    </row>
    <row r="56" spans="3:14" ht="244.95" customHeight="1">
      <c r="C56" s="2">
        <v>62</v>
      </c>
      <c r="D56" s="6" t="s">
        <v>0</v>
      </c>
      <c r="E56" s="6" t="s">
        <v>29</v>
      </c>
      <c r="F56" s="6" t="s">
        <v>305</v>
      </c>
      <c r="G56" s="9" t="s">
        <v>341</v>
      </c>
      <c r="H56" s="9" t="s">
        <v>306</v>
      </c>
      <c r="I56" s="9" t="s">
        <v>307</v>
      </c>
      <c r="J56" s="6" t="s">
        <v>5</v>
      </c>
      <c r="K56" s="9" t="s">
        <v>4</v>
      </c>
      <c r="L56" s="13" t="s">
        <v>4</v>
      </c>
      <c r="M56" s="13" t="s">
        <v>308</v>
      </c>
      <c r="N56" s="23" t="s">
        <v>4</v>
      </c>
    </row>
    <row r="57" spans="3:14" ht="244.95" customHeight="1">
      <c r="C57" s="2">
        <v>63</v>
      </c>
      <c r="D57" s="6" t="s">
        <v>0</v>
      </c>
      <c r="E57" s="6" t="s">
        <v>33</v>
      </c>
      <c r="F57" s="6" t="s">
        <v>17</v>
      </c>
      <c r="G57" s="9" t="s">
        <v>293</v>
      </c>
      <c r="H57" s="9" t="s">
        <v>309</v>
      </c>
      <c r="I57" s="9" t="s">
        <v>330</v>
      </c>
      <c r="J57" s="6" t="s">
        <v>5</v>
      </c>
      <c r="K57" s="9" t="s">
        <v>331</v>
      </c>
      <c r="L57" s="13" t="s">
        <v>4</v>
      </c>
      <c r="M57" s="13" t="s">
        <v>4</v>
      </c>
      <c r="N57" s="23" t="s">
        <v>4</v>
      </c>
    </row>
    <row r="58" spans="3:14" ht="409.05" customHeight="1">
      <c r="C58" s="2">
        <v>64</v>
      </c>
      <c r="D58" s="6" t="s">
        <v>0</v>
      </c>
      <c r="E58" s="6" t="s">
        <v>11</v>
      </c>
      <c r="F58" s="6" t="s">
        <v>6</v>
      </c>
      <c r="G58" s="9" t="s">
        <v>310</v>
      </c>
      <c r="H58" s="9" t="s">
        <v>332</v>
      </c>
      <c r="I58" s="25" t="s">
        <v>333</v>
      </c>
      <c r="J58" s="6" t="s">
        <v>5</v>
      </c>
      <c r="K58" s="9" t="s">
        <v>334</v>
      </c>
      <c r="L58" s="13" t="s">
        <v>4</v>
      </c>
      <c r="M58" s="13" t="s">
        <v>4</v>
      </c>
      <c r="N58" s="23" t="s">
        <v>4</v>
      </c>
    </row>
    <row r="59" spans="3:14" ht="244.95" customHeight="1">
      <c r="C59" s="2">
        <v>65</v>
      </c>
      <c r="D59" s="6" t="s">
        <v>0</v>
      </c>
      <c r="E59" s="6" t="s">
        <v>29</v>
      </c>
      <c r="F59" s="6" t="s">
        <v>311</v>
      </c>
      <c r="G59" s="9" t="s">
        <v>312</v>
      </c>
      <c r="H59" s="9" t="s">
        <v>335</v>
      </c>
      <c r="I59" s="9" t="s">
        <v>336</v>
      </c>
      <c r="J59" s="6" t="s">
        <v>5</v>
      </c>
      <c r="K59" s="9" t="s">
        <v>4</v>
      </c>
      <c r="L59" s="13" t="s">
        <v>4</v>
      </c>
      <c r="M59" s="13" t="s">
        <v>4</v>
      </c>
      <c r="N59" s="23" t="s">
        <v>4</v>
      </c>
    </row>
    <row r="60" spans="3:14" ht="409.5" customHeight="1">
      <c r="C60" s="2">
        <v>66</v>
      </c>
      <c r="D60" s="6" t="s">
        <v>126</v>
      </c>
      <c r="E60" s="6" t="s">
        <v>266</v>
      </c>
      <c r="F60" s="6" t="s">
        <v>313</v>
      </c>
      <c r="G60" s="9" t="s">
        <v>314</v>
      </c>
      <c r="H60" s="9" t="s">
        <v>346</v>
      </c>
      <c r="I60" s="9" t="s">
        <v>337</v>
      </c>
      <c r="J60" s="6" t="s">
        <v>5</v>
      </c>
      <c r="K60" s="9" t="s">
        <v>338</v>
      </c>
      <c r="L60" s="13" t="s">
        <v>4</v>
      </c>
      <c r="M60" s="13" t="s">
        <v>315</v>
      </c>
      <c r="N60" s="23" t="s">
        <v>4</v>
      </c>
    </row>
    <row r="61" spans="3:14" ht="237" customHeight="1">
      <c r="C61" s="2">
        <v>67</v>
      </c>
      <c r="D61" s="26" t="s">
        <v>126</v>
      </c>
      <c r="E61" s="27" t="s">
        <v>16</v>
      </c>
      <c r="F61" s="27" t="s">
        <v>17</v>
      </c>
      <c r="G61" s="28" t="s">
        <v>316</v>
      </c>
      <c r="H61" s="28" t="s">
        <v>339</v>
      </c>
      <c r="I61" s="29" t="s">
        <v>342</v>
      </c>
      <c r="J61" s="26" t="s">
        <v>5</v>
      </c>
      <c r="K61" s="13" t="s">
        <v>340</v>
      </c>
      <c r="L61" s="23" t="s">
        <v>4</v>
      </c>
      <c r="M61" s="24" t="s">
        <v>317</v>
      </c>
      <c r="N61" s="23" t="s">
        <v>4</v>
      </c>
    </row>
    <row r="62" spans="3:14" ht="282">
      <c r="C62" s="2">
        <v>68</v>
      </c>
      <c r="D62" s="26" t="s">
        <v>0</v>
      </c>
      <c r="E62" s="27" t="s">
        <v>33</v>
      </c>
      <c r="F62" s="27" t="s">
        <v>65</v>
      </c>
      <c r="G62" s="28" t="s">
        <v>347</v>
      </c>
      <c r="H62" s="28" t="s">
        <v>381</v>
      </c>
      <c r="I62" s="29" t="s">
        <v>382</v>
      </c>
      <c r="J62" s="26" t="s">
        <v>5</v>
      </c>
      <c r="K62" s="30" t="s">
        <v>383</v>
      </c>
      <c r="L62" s="24" t="s">
        <v>348</v>
      </c>
      <c r="M62" s="24" t="s">
        <v>349</v>
      </c>
      <c r="N62" s="23" t="s">
        <v>4</v>
      </c>
    </row>
    <row r="63" spans="3:14" ht="244.05" customHeight="1">
      <c r="C63" s="2">
        <v>69</v>
      </c>
      <c r="D63" s="26" t="s">
        <v>0</v>
      </c>
      <c r="E63" s="27" t="s">
        <v>16</v>
      </c>
      <c r="F63" s="27" t="s">
        <v>44</v>
      </c>
      <c r="G63" s="28" t="s">
        <v>350</v>
      </c>
      <c r="H63" s="28" t="s">
        <v>386</v>
      </c>
      <c r="I63" s="29" t="s">
        <v>385</v>
      </c>
      <c r="J63" s="26" t="s">
        <v>5</v>
      </c>
      <c r="K63" s="13" t="s">
        <v>384</v>
      </c>
      <c r="L63" s="24" t="s">
        <v>4</v>
      </c>
      <c r="M63" s="24" t="s">
        <v>351</v>
      </c>
      <c r="N63" s="23" t="s">
        <v>4</v>
      </c>
    </row>
    <row r="64" spans="3:14" ht="244.05" customHeight="1">
      <c r="C64" s="2">
        <v>70</v>
      </c>
      <c r="D64" s="26" t="s">
        <v>126</v>
      </c>
      <c r="E64" s="27" t="s">
        <v>11</v>
      </c>
      <c r="F64" s="27" t="s">
        <v>289</v>
      </c>
      <c r="G64" s="28" t="s">
        <v>352</v>
      </c>
      <c r="H64" s="28" t="s">
        <v>387</v>
      </c>
      <c r="I64" s="29" t="s">
        <v>389</v>
      </c>
      <c r="J64" s="26" t="s">
        <v>5</v>
      </c>
      <c r="K64" s="13" t="s">
        <v>388</v>
      </c>
      <c r="L64" s="24" t="s">
        <v>4</v>
      </c>
      <c r="M64" s="24" t="s">
        <v>4</v>
      </c>
      <c r="N64" s="23" t="s">
        <v>4</v>
      </c>
    </row>
    <row r="65" spans="3:14" ht="244.05" customHeight="1">
      <c r="C65" s="2">
        <v>71</v>
      </c>
      <c r="D65" s="26" t="s">
        <v>0</v>
      </c>
      <c r="E65" s="27" t="s">
        <v>33</v>
      </c>
      <c r="F65" s="27" t="s">
        <v>73</v>
      </c>
      <c r="G65" s="28" t="s">
        <v>304</v>
      </c>
      <c r="H65" s="28" t="s">
        <v>353</v>
      </c>
      <c r="I65" s="29" t="s">
        <v>354</v>
      </c>
      <c r="J65" s="26" t="s">
        <v>5</v>
      </c>
      <c r="K65" s="13" t="s">
        <v>4</v>
      </c>
      <c r="L65" s="24" t="s">
        <v>355</v>
      </c>
      <c r="M65" s="24" t="s">
        <v>4</v>
      </c>
      <c r="N65" s="23" t="s">
        <v>4</v>
      </c>
    </row>
    <row r="66" spans="3:14" ht="244.05" customHeight="1">
      <c r="C66" s="2">
        <v>72</v>
      </c>
      <c r="D66" s="26" t="s">
        <v>0</v>
      </c>
      <c r="E66" s="27" t="s">
        <v>33</v>
      </c>
      <c r="F66" s="27" t="s">
        <v>17</v>
      </c>
      <c r="G66" s="28" t="s">
        <v>356</v>
      </c>
      <c r="H66" s="28" t="s">
        <v>4</v>
      </c>
      <c r="I66" s="29" t="s">
        <v>357</v>
      </c>
      <c r="J66" s="26" t="s">
        <v>5</v>
      </c>
      <c r="K66" s="13" t="s">
        <v>390</v>
      </c>
      <c r="L66" s="24" t="s">
        <v>358</v>
      </c>
      <c r="M66" s="24" t="s">
        <v>359</v>
      </c>
      <c r="N66" s="23" t="s">
        <v>4</v>
      </c>
    </row>
    <row r="67" spans="3:14" ht="409.2" customHeight="1">
      <c r="C67" s="2">
        <v>74</v>
      </c>
      <c r="D67" s="26" t="s">
        <v>0</v>
      </c>
      <c r="E67" s="27" t="s">
        <v>11</v>
      </c>
      <c r="F67" s="27" t="s">
        <v>360</v>
      </c>
      <c r="G67" s="28" t="s">
        <v>361</v>
      </c>
      <c r="H67" s="28" t="s">
        <v>391</v>
      </c>
      <c r="I67" s="31" t="s">
        <v>392</v>
      </c>
      <c r="J67" s="26" t="s">
        <v>5</v>
      </c>
      <c r="K67" s="13" t="s">
        <v>393</v>
      </c>
      <c r="L67" s="24" t="s">
        <v>4</v>
      </c>
      <c r="M67" s="24" t="s">
        <v>362</v>
      </c>
      <c r="N67" s="23" t="s">
        <v>4</v>
      </c>
    </row>
    <row r="68" spans="3:14" ht="244.05" customHeight="1">
      <c r="C68" s="2">
        <v>75</v>
      </c>
      <c r="D68" s="26" t="s">
        <v>0</v>
      </c>
      <c r="E68" s="27" t="s">
        <v>11</v>
      </c>
      <c r="F68" s="27" t="s">
        <v>6</v>
      </c>
      <c r="G68" s="28" t="s">
        <v>363</v>
      </c>
      <c r="H68" s="28" t="s">
        <v>394</v>
      </c>
      <c r="I68" s="29" t="s">
        <v>4</v>
      </c>
      <c r="J68" s="26" t="s">
        <v>5</v>
      </c>
      <c r="K68" s="13" t="s">
        <v>4</v>
      </c>
      <c r="L68" s="24" t="s">
        <v>4</v>
      </c>
      <c r="M68" s="24" t="s">
        <v>4</v>
      </c>
      <c r="N68" s="23" t="s">
        <v>4</v>
      </c>
    </row>
    <row r="69" spans="3:14" ht="244.05" customHeight="1">
      <c r="C69" s="2">
        <v>77</v>
      </c>
      <c r="D69" s="26" t="s">
        <v>0</v>
      </c>
      <c r="E69" s="27" t="s">
        <v>29</v>
      </c>
      <c r="F69" s="27" t="s">
        <v>364</v>
      </c>
      <c r="G69" s="28" t="s">
        <v>365</v>
      </c>
      <c r="H69" s="28" t="s">
        <v>397</v>
      </c>
      <c r="I69" s="29" t="s">
        <v>396</v>
      </c>
      <c r="J69" s="26" t="s">
        <v>5</v>
      </c>
      <c r="K69" s="13" t="s">
        <v>395</v>
      </c>
      <c r="L69" s="24" t="s">
        <v>4</v>
      </c>
      <c r="M69" s="24" t="s">
        <v>366</v>
      </c>
      <c r="N69" s="23" t="s">
        <v>4</v>
      </c>
    </row>
    <row r="70" spans="3:14" ht="244.05" customHeight="1">
      <c r="C70" s="2">
        <v>78</v>
      </c>
      <c r="D70" s="26" t="s">
        <v>0</v>
      </c>
      <c r="E70" s="27" t="s">
        <v>29</v>
      </c>
      <c r="F70" s="27" t="s">
        <v>225</v>
      </c>
      <c r="G70" s="28" t="s">
        <v>293</v>
      </c>
      <c r="H70" s="28" t="s">
        <v>367</v>
      </c>
      <c r="I70" s="29" t="s">
        <v>398</v>
      </c>
      <c r="J70" s="26" t="s">
        <v>5</v>
      </c>
      <c r="K70" s="13" t="s">
        <v>368</v>
      </c>
      <c r="L70" s="24" t="s">
        <v>4</v>
      </c>
      <c r="M70" s="24" t="s">
        <v>369</v>
      </c>
      <c r="N70" s="23" t="s">
        <v>4</v>
      </c>
    </row>
    <row r="71" spans="3:14" ht="244.05" customHeight="1">
      <c r="C71" s="2">
        <v>79</v>
      </c>
      <c r="D71" s="26" t="s">
        <v>0</v>
      </c>
      <c r="E71" s="27" t="s">
        <v>33</v>
      </c>
      <c r="F71" s="27" t="s">
        <v>85</v>
      </c>
      <c r="G71" s="28" t="s">
        <v>370</v>
      </c>
      <c r="H71" s="28" t="s">
        <v>371</v>
      </c>
      <c r="I71" s="29" t="s">
        <v>400</v>
      </c>
      <c r="J71" s="26" t="s">
        <v>5</v>
      </c>
      <c r="K71" s="13" t="s">
        <v>399</v>
      </c>
      <c r="L71" s="24" t="s">
        <v>4</v>
      </c>
      <c r="M71" s="24" t="s">
        <v>372</v>
      </c>
      <c r="N71" s="23" t="s">
        <v>4</v>
      </c>
    </row>
    <row r="72" spans="3:14" ht="253.8">
      <c r="C72" s="2">
        <v>80</v>
      </c>
      <c r="D72" s="26" t="s">
        <v>0</v>
      </c>
      <c r="E72" s="27" t="s">
        <v>16</v>
      </c>
      <c r="F72" s="27" t="s">
        <v>85</v>
      </c>
      <c r="G72" s="28" t="s">
        <v>74</v>
      </c>
      <c r="H72" s="28" t="s">
        <v>437</v>
      </c>
      <c r="I72" s="29" t="s">
        <v>438</v>
      </c>
      <c r="J72" s="26" t="s">
        <v>5</v>
      </c>
      <c r="K72" s="13" t="s">
        <v>460</v>
      </c>
      <c r="L72" s="24" t="s">
        <v>402</v>
      </c>
      <c r="M72" s="24" t="s">
        <v>403</v>
      </c>
      <c r="N72" s="23" t="s">
        <v>4</v>
      </c>
    </row>
    <row r="73" spans="3:14" ht="307.2" customHeight="1">
      <c r="C73" s="2">
        <v>82</v>
      </c>
      <c r="D73" s="26" t="s">
        <v>0</v>
      </c>
      <c r="E73" s="27" t="s">
        <v>11</v>
      </c>
      <c r="F73" s="27" t="s">
        <v>6</v>
      </c>
      <c r="G73" s="28" t="s">
        <v>405</v>
      </c>
      <c r="H73" s="28" t="s">
        <v>406</v>
      </c>
      <c r="I73" s="29" t="s">
        <v>407</v>
      </c>
      <c r="J73" s="26" t="s">
        <v>5</v>
      </c>
      <c r="K73" s="13" t="s">
        <v>4</v>
      </c>
      <c r="L73" s="24" t="s">
        <v>408</v>
      </c>
      <c r="M73" s="24" t="s">
        <v>409</v>
      </c>
      <c r="N73" s="23" t="s">
        <v>4</v>
      </c>
    </row>
    <row r="74" spans="3:14" ht="394.8">
      <c r="C74" s="2">
        <v>83</v>
      </c>
      <c r="D74" s="26" t="s">
        <v>0</v>
      </c>
      <c r="E74" s="27" t="s">
        <v>11</v>
      </c>
      <c r="F74" s="27" t="s">
        <v>410</v>
      </c>
      <c r="G74" s="28" t="s">
        <v>411</v>
      </c>
      <c r="H74" s="28" t="s">
        <v>4</v>
      </c>
      <c r="I74" s="29" t="s">
        <v>439</v>
      </c>
      <c r="J74" s="26" t="s">
        <v>5</v>
      </c>
      <c r="K74" s="30" t="s">
        <v>459</v>
      </c>
      <c r="L74" s="24" t="s">
        <v>412</v>
      </c>
      <c r="M74" s="24" t="s">
        <v>413</v>
      </c>
      <c r="N74" s="23" t="s">
        <v>4</v>
      </c>
    </row>
    <row r="75" spans="3:14" ht="298.8" customHeight="1">
      <c r="C75" s="2">
        <v>84</v>
      </c>
      <c r="D75" s="26" t="s">
        <v>0</v>
      </c>
      <c r="E75" s="27" t="s">
        <v>266</v>
      </c>
      <c r="F75" s="32" t="s">
        <v>414</v>
      </c>
      <c r="G75" s="28" t="s">
        <v>415</v>
      </c>
      <c r="H75" s="28" t="s">
        <v>416</v>
      </c>
      <c r="I75" s="29" t="s">
        <v>440</v>
      </c>
      <c r="J75" s="26" t="s">
        <v>5</v>
      </c>
      <c r="K75" s="13" t="s">
        <v>441</v>
      </c>
      <c r="L75" s="24" t="s">
        <v>4</v>
      </c>
      <c r="M75" s="24" t="s">
        <v>4</v>
      </c>
      <c r="N75" s="23" t="s">
        <v>4</v>
      </c>
    </row>
    <row r="76" spans="3:14" ht="298.8" customHeight="1">
      <c r="C76" s="2">
        <v>85</v>
      </c>
      <c r="D76" s="26" t="s">
        <v>0</v>
      </c>
      <c r="E76" s="27" t="s">
        <v>33</v>
      </c>
      <c r="F76" s="27" t="s">
        <v>302</v>
      </c>
      <c r="G76" s="28" t="s">
        <v>417</v>
      </c>
      <c r="H76" s="28" t="s">
        <v>418</v>
      </c>
      <c r="I76" s="29" t="s">
        <v>443</v>
      </c>
      <c r="J76" s="26" t="s">
        <v>5</v>
      </c>
      <c r="K76" s="13" t="s">
        <v>442</v>
      </c>
      <c r="L76" s="24" t="s">
        <v>419</v>
      </c>
      <c r="M76" s="24" t="s">
        <v>420</v>
      </c>
      <c r="N76" s="23" t="s">
        <v>4</v>
      </c>
    </row>
    <row r="77" spans="3:14" ht="298.8" customHeight="1">
      <c r="C77" s="2">
        <v>86</v>
      </c>
      <c r="D77" s="26" t="s">
        <v>0</v>
      </c>
      <c r="E77" s="27" t="s">
        <v>16</v>
      </c>
      <c r="F77" s="27" t="s">
        <v>225</v>
      </c>
      <c r="G77" s="28" t="s">
        <v>421</v>
      </c>
      <c r="H77" s="28" t="s">
        <v>444</v>
      </c>
      <c r="I77" s="29" t="s">
        <v>458</v>
      </c>
      <c r="J77" s="26" t="s">
        <v>5</v>
      </c>
      <c r="K77" s="13" t="s">
        <v>454</v>
      </c>
      <c r="L77" s="24" t="s">
        <v>4</v>
      </c>
      <c r="M77" s="24" t="s">
        <v>422</v>
      </c>
      <c r="N77" s="23" t="s">
        <v>4</v>
      </c>
    </row>
    <row r="78" spans="3:14" ht="298.8" customHeight="1">
      <c r="C78" s="2">
        <v>87</v>
      </c>
      <c r="D78" s="26" t="s">
        <v>0</v>
      </c>
      <c r="E78" s="27" t="s">
        <v>33</v>
      </c>
      <c r="F78" s="27" t="s">
        <v>65</v>
      </c>
      <c r="G78" s="28" t="s">
        <v>423</v>
      </c>
      <c r="H78" s="28" t="s">
        <v>457</v>
      </c>
      <c r="I78" s="29" t="s">
        <v>446</v>
      </c>
      <c r="J78" s="26" t="s">
        <v>5</v>
      </c>
      <c r="K78" s="13" t="s">
        <v>445</v>
      </c>
      <c r="L78" s="24" t="s">
        <v>4</v>
      </c>
      <c r="M78" s="24" t="s">
        <v>424</v>
      </c>
      <c r="N78" s="23" t="s">
        <v>4</v>
      </c>
    </row>
    <row r="79" spans="3:14" ht="409.6" customHeight="1">
      <c r="C79" s="2">
        <v>88</v>
      </c>
      <c r="D79" s="26" t="s">
        <v>0</v>
      </c>
      <c r="E79" s="27" t="s">
        <v>16</v>
      </c>
      <c r="F79" s="27" t="s">
        <v>425</v>
      </c>
      <c r="G79" s="28" t="s">
        <v>426</v>
      </c>
      <c r="H79" s="28" t="s">
        <v>447</v>
      </c>
      <c r="I79" s="29" t="s">
        <v>455</v>
      </c>
      <c r="J79" s="26" t="s">
        <v>5</v>
      </c>
      <c r="K79" s="13" t="s">
        <v>448</v>
      </c>
      <c r="L79" s="24" t="s">
        <v>4</v>
      </c>
      <c r="M79" s="24" t="s">
        <v>4</v>
      </c>
      <c r="N79" s="23" t="s">
        <v>4</v>
      </c>
    </row>
    <row r="80" spans="3:14" ht="287.39999999999998" customHeight="1">
      <c r="C80" s="2">
        <v>89</v>
      </c>
      <c r="D80" s="26" t="s">
        <v>126</v>
      </c>
      <c r="E80" s="27" t="s">
        <v>33</v>
      </c>
      <c r="F80" s="32" t="s">
        <v>427</v>
      </c>
      <c r="G80" s="28" t="s">
        <v>428</v>
      </c>
      <c r="H80" s="28" t="s">
        <v>429</v>
      </c>
      <c r="I80" s="29" t="s">
        <v>449</v>
      </c>
      <c r="J80" s="26" t="s">
        <v>5</v>
      </c>
      <c r="K80" s="13" t="s">
        <v>430</v>
      </c>
      <c r="L80" s="24" t="s">
        <v>4</v>
      </c>
      <c r="M80" s="24" t="s">
        <v>4</v>
      </c>
      <c r="N80" s="23" t="s">
        <v>4</v>
      </c>
    </row>
    <row r="81" spans="3:14" ht="409.6" customHeight="1">
      <c r="C81" s="2">
        <v>90</v>
      </c>
      <c r="D81" s="26" t="s">
        <v>0</v>
      </c>
      <c r="E81" s="27" t="s">
        <v>16</v>
      </c>
      <c r="F81" s="32" t="s">
        <v>6</v>
      </c>
      <c r="G81" s="28" t="s">
        <v>431</v>
      </c>
      <c r="H81" s="28" t="s">
        <v>476</v>
      </c>
      <c r="I81" s="34" t="s">
        <v>456</v>
      </c>
      <c r="J81" s="26" t="s">
        <v>5</v>
      </c>
      <c r="K81" s="13" t="s">
        <v>450</v>
      </c>
      <c r="L81" s="24" t="s">
        <v>4</v>
      </c>
      <c r="M81" s="24" t="s">
        <v>4</v>
      </c>
      <c r="N81" s="23" t="s">
        <v>4</v>
      </c>
    </row>
    <row r="82" spans="3:14" ht="259.2" customHeight="1">
      <c r="C82" s="2">
        <v>91</v>
      </c>
      <c r="D82" s="26" t="s">
        <v>0</v>
      </c>
      <c r="E82" s="27" t="s">
        <v>29</v>
      </c>
      <c r="F82" s="27" t="s">
        <v>432</v>
      </c>
      <c r="G82" s="28" t="s">
        <v>433</v>
      </c>
      <c r="H82" s="43" t="s">
        <v>453</v>
      </c>
      <c r="I82" s="29" t="s">
        <v>452</v>
      </c>
      <c r="J82" s="26" t="s">
        <v>5</v>
      </c>
      <c r="K82" s="13" t="s">
        <v>451</v>
      </c>
      <c r="L82" s="24" t="s">
        <v>4</v>
      </c>
      <c r="M82" s="24" t="s">
        <v>434</v>
      </c>
      <c r="N82" s="23" t="s">
        <v>4</v>
      </c>
    </row>
    <row r="83" spans="3:14" ht="409.2" customHeight="1">
      <c r="C83" s="2">
        <v>92</v>
      </c>
      <c r="D83" s="26" t="s">
        <v>0</v>
      </c>
      <c r="E83" s="27" t="s">
        <v>11</v>
      </c>
      <c r="F83" s="32" t="s">
        <v>435</v>
      </c>
      <c r="G83" s="28" t="s">
        <v>436</v>
      </c>
      <c r="H83" s="42" t="s">
        <v>496</v>
      </c>
      <c r="I83" s="29" t="s">
        <v>694</v>
      </c>
      <c r="J83" s="26" t="s">
        <v>5</v>
      </c>
      <c r="K83" s="13" t="s">
        <v>491</v>
      </c>
      <c r="L83" s="24" t="s">
        <v>4</v>
      </c>
      <c r="M83" s="24" t="s">
        <v>4</v>
      </c>
      <c r="N83" s="23" t="s">
        <v>4</v>
      </c>
    </row>
    <row r="84" spans="3:14" ht="409.6" customHeight="1">
      <c r="C84" s="2">
        <v>94</v>
      </c>
      <c r="D84" s="26" t="s">
        <v>0</v>
      </c>
      <c r="E84" s="27" t="s">
        <v>266</v>
      </c>
      <c r="F84" s="27" t="s">
        <v>65</v>
      </c>
      <c r="G84" s="28" t="s">
        <v>461</v>
      </c>
      <c r="H84" s="28" t="s">
        <v>477</v>
      </c>
      <c r="I84" s="45" t="s">
        <v>478</v>
      </c>
      <c r="J84" s="26" t="s">
        <v>5</v>
      </c>
      <c r="K84" s="13" t="s">
        <v>479</v>
      </c>
      <c r="L84" s="24" t="s">
        <v>462</v>
      </c>
      <c r="M84" s="24" t="s">
        <v>463</v>
      </c>
      <c r="N84" s="23" t="s">
        <v>4</v>
      </c>
    </row>
    <row r="85" spans="3:14" ht="409.2" customHeight="1">
      <c r="C85" s="2">
        <v>95</v>
      </c>
      <c r="D85" s="26" t="s">
        <v>0</v>
      </c>
      <c r="E85" s="27" t="s">
        <v>16</v>
      </c>
      <c r="F85" s="32" t="s">
        <v>507</v>
      </c>
      <c r="G85" s="28" t="s">
        <v>74</v>
      </c>
      <c r="H85" s="28" t="s">
        <v>480</v>
      </c>
      <c r="I85" s="44" t="s">
        <v>483</v>
      </c>
      <c r="J85" s="26" t="s">
        <v>5</v>
      </c>
      <c r="K85" s="13" t="s">
        <v>4</v>
      </c>
      <c r="L85" s="24" t="s">
        <v>464</v>
      </c>
      <c r="M85" s="24" t="s">
        <v>465</v>
      </c>
      <c r="N85" s="23" t="s">
        <v>4</v>
      </c>
    </row>
    <row r="86" spans="3:14" ht="136.80000000000001" customHeight="1">
      <c r="C86" s="2">
        <v>96</v>
      </c>
      <c r="D86" s="26" t="s">
        <v>0</v>
      </c>
      <c r="E86" s="27" t="s">
        <v>1</v>
      </c>
      <c r="F86" s="27" t="s">
        <v>6</v>
      </c>
      <c r="G86" s="28" t="s">
        <v>7</v>
      </c>
      <c r="H86" s="28" t="s">
        <v>4</v>
      </c>
      <c r="I86" s="29" t="s">
        <v>974</v>
      </c>
      <c r="J86" s="26" t="s">
        <v>5</v>
      </c>
      <c r="K86" s="13" t="s">
        <v>975</v>
      </c>
      <c r="L86" s="24" t="s">
        <v>4</v>
      </c>
      <c r="M86" s="24" t="s">
        <v>466</v>
      </c>
      <c r="N86" s="23" t="s">
        <v>4</v>
      </c>
    </row>
    <row r="87" spans="3:14" ht="409.6" customHeight="1">
      <c r="C87" s="2">
        <v>97</v>
      </c>
      <c r="D87" s="26" t="s">
        <v>0</v>
      </c>
      <c r="E87" s="27" t="s">
        <v>11</v>
      </c>
      <c r="F87" s="27" t="s">
        <v>364</v>
      </c>
      <c r="G87" s="28" t="s">
        <v>467</v>
      </c>
      <c r="H87" s="28" t="s">
        <v>4</v>
      </c>
      <c r="I87" s="29" t="s">
        <v>481</v>
      </c>
      <c r="J87" s="26" t="s">
        <v>5</v>
      </c>
      <c r="K87" s="46" t="s">
        <v>484</v>
      </c>
      <c r="L87" s="24" t="s">
        <v>4</v>
      </c>
      <c r="M87" s="24" t="s">
        <v>468</v>
      </c>
      <c r="N87" s="23" t="s">
        <v>4</v>
      </c>
    </row>
    <row r="88" spans="3:14" ht="375" customHeight="1">
      <c r="C88" s="2">
        <v>99</v>
      </c>
      <c r="D88" s="26" t="s">
        <v>126</v>
      </c>
      <c r="E88" s="27" t="s">
        <v>16</v>
      </c>
      <c r="F88" s="27" t="s">
        <v>289</v>
      </c>
      <c r="G88" s="28" t="s">
        <v>74</v>
      </c>
      <c r="H88" s="28" t="s">
        <v>497</v>
      </c>
      <c r="I88" s="29" t="s">
        <v>508</v>
      </c>
      <c r="J88" s="26" t="s">
        <v>5</v>
      </c>
      <c r="K88" s="13" t="s">
        <v>509</v>
      </c>
      <c r="L88" s="24" t="s">
        <v>4</v>
      </c>
      <c r="M88" s="24" t="s">
        <v>498</v>
      </c>
      <c r="N88" s="47" t="s">
        <v>510</v>
      </c>
    </row>
    <row r="89" spans="3:14" ht="280.8" customHeight="1">
      <c r="C89" s="2">
        <v>100</v>
      </c>
      <c r="D89" s="26" t="s">
        <v>0</v>
      </c>
      <c r="E89" s="27" t="s">
        <v>33</v>
      </c>
      <c r="F89" s="27" t="s">
        <v>6</v>
      </c>
      <c r="G89" s="28" t="s">
        <v>499</v>
      </c>
      <c r="H89" s="28" t="s">
        <v>513</v>
      </c>
      <c r="I89" s="29" t="s">
        <v>512</v>
      </c>
      <c r="J89" s="26" t="s">
        <v>5</v>
      </c>
      <c r="K89" s="13" t="s">
        <v>511</v>
      </c>
      <c r="L89" s="24" t="s">
        <v>500</v>
      </c>
      <c r="M89" s="24" t="s">
        <v>501</v>
      </c>
      <c r="N89" s="23" t="s">
        <v>4</v>
      </c>
    </row>
    <row r="90" spans="3:14" ht="395.4" customHeight="1">
      <c r="C90" s="2">
        <v>101</v>
      </c>
      <c r="D90" s="26" t="s">
        <v>0</v>
      </c>
      <c r="E90" s="27" t="s">
        <v>11</v>
      </c>
      <c r="F90" s="27" t="s">
        <v>289</v>
      </c>
      <c r="G90" s="28" t="s">
        <v>514</v>
      </c>
      <c r="H90" s="28" t="s">
        <v>515</v>
      </c>
      <c r="I90" s="29" t="s">
        <v>516</v>
      </c>
      <c r="J90" s="26" t="s">
        <v>5</v>
      </c>
      <c r="K90" s="13" t="s">
        <v>517</v>
      </c>
      <c r="L90" s="24" t="s">
        <v>502</v>
      </c>
      <c r="M90" s="24" t="s">
        <v>503</v>
      </c>
      <c r="N90" s="23" t="s">
        <v>4</v>
      </c>
    </row>
    <row r="91" spans="3:14" ht="251.4" customHeight="1">
      <c r="C91" s="2">
        <v>102</v>
      </c>
      <c r="D91" s="26" t="s">
        <v>0</v>
      </c>
      <c r="E91" s="27" t="s">
        <v>16</v>
      </c>
      <c r="F91" s="32" t="s">
        <v>504</v>
      </c>
      <c r="G91" s="28" t="s">
        <v>505</v>
      </c>
      <c r="H91" s="28" t="s">
        <v>520</v>
      </c>
      <c r="I91" s="29" t="s">
        <v>519</v>
      </c>
      <c r="J91" s="26" t="s">
        <v>5</v>
      </c>
      <c r="K91" s="13" t="s">
        <v>518</v>
      </c>
      <c r="L91" s="24" t="s">
        <v>4</v>
      </c>
      <c r="M91" s="24" t="s">
        <v>506</v>
      </c>
      <c r="N91" s="23" t="s">
        <v>4</v>
      </c>
    </row>
    <row r="92" spans="3:14" ht="251.4" customHeight="1">
      <c r="C92" s="48">
        <v>103</v>
      </c>
      <c r="D92" s="49" t="s">
        <v>0</v>
      </c>
      <c r="E92" s="50" t="s">
        <v>11</v>
      </c>
      <c r="F92" s="51" t="s">
        <v>289</v>
      </c>
      <c r="G92" s="52" t="s">
        <v>530</v>
      </c>
      <c r="H92" s="52" t="s">
        <v>531</v>
      </c>
      <c r="I92" s="53" t="s">
        <v>533</v>
      </c>
      <c r="J92" s="49" t="s">
        <v>5</v>
      </c>
      <c r="K92" s="54" t="s">
        <v>535</v>
      </c>
      <c r="L92" s="55" t="s">
        <v>4</v>
      </c>
      <c r="M92" s="55" t="s">
        <v>532</v>
      </c>
      <c r="N92" s="55" t="s">
        <v>4</v>
      </c>
    </row>
    <row r="93" spans="3:14" ht="409.2" customHeight="1">
      <c r="C93" s="48">
        <v>104</v>
      </c>
      <c r="D93" s="49" t="s">
        <v>0</v>
      </c>
      <c r="E93" s="50" t="s">
        <v>29</v>
      </c>
      <c r="F93" s="51" t="s">
        <v>521</v>
      </c>
      <c r="G93" s="52" t="s">
        <v>522</v>
      </c>
      <c r="H93" s="52" t="s">
        <v>540</v>
      </c>
      <c r="I93" s="57" t="s">
        <v>541</v>
      </c>
      <c r="J93" s="49" t="s">
        <v>5</v>
      </c>
      <c r="K93" s="54" t="s">
        <v>536</v>
      </c>
      <c r="L93" s="55" t="s">
        <v>523</v>
      </c>
      <c r="M93" s="55" t="s">
        <v>524</v>
      </c>
      <c r="N93" s="55" t="s">
        <v>4</v>
      </c>
    </row>
    <row r="94" spans="3:14" ht="323.39999999999998" customHeight="1">
      <c r="C94" s="48">
        <v>106</v>
      </c>
      <c r="D94" s="49" t="s">
        <v>0</v>
      </c>
      <c r="E94" s="50" t="s">
        <v>16</v>
      </c>
      <c r="F94" s="50" t="s">
        <v>65</v>
      </c>
      <c r="G94" s="52" t="s">
        <v>12</v>
      </c>
      <c r="H94" s="52" t="s">
        <v>539</v>
      </c>
      <c r="I94" s="53" t="s">
        <v>534</v>
      </c>
      <c r="J94" s="49" t="s">
        <v>5</v>
      </c>
      <c r="K94" s="54" t="s">
        <v>542</v>
      </c>
      <c r="L94" s="55" t="s">
        <v>525</v>
      </c>
      <c r="M94" s="55" t="s">
        <v>526</v>
      </c>
      <c r="N94" s="55" t="s">
        <v>4</v>
      </c>
    </row>
    <row r="95" spans="3:14" ht="260.39999999999998" customHeight="1">
      <c r="C95" s="48">
        <v>107</v>
      </c>
      <c r="D95" s="49" t="s">
        <v>0</v>
      </c>
      <c r="E95" s="50" t="s">
        <v>33</v>
      </c>
      <c r="F95" s="50" t="s">
        <v>69</v>
      </c>
      <c r="G95" s="52" t="s">
        <v>685</v>
      </c>
      <c r="H95" s="52" t="s">
        <v>686</v>
      </c>
      <c r="I95" s="53" t="s">
        <v>687</v>
      </c>
      <c r="J95" s="49" t="s">
        <v>62</v>
      </c>
      <c r="K95" s="54" t="s">
        <v>4</v>
      </c>
      <c r="L95" s="55" t="s">
        <v>4</v>
      </c>
      <c r="M95" s="55" t="s">
        <v>4</v>
      </c>
      <c r="N95" s="55" t="s">
        <v>4</v>
      </c>
    </row>
    <row r="96" spans="3:14" ht="260.39999999999998" customHeight="1">
      <c r="C96" s="48">
        <v>108</v>
      </c>
      <c r="D96" s="49" t="s">
        <v>0</v>
      </c>
      <c r="E96" s="50" t="s">
        <v>29</v>
      </c>
      <c r="F96" s="50" t="s">
        <v>89</v>
      </c>
      <c r="G96" s="52" t="s">
        <v>688</v>
      </c>
      <c r="H96" s="52" t="s">
        <v>689</v>
      </c>
      <c r="I96" s="53" t="s">
        <v>4</v>
      </c>
      <c r="J96" s="49" t="s">
        <v>5</v>
      </c>
      <c r="K96" s="54" t="s">
        <v>690</v>
      </c>
      <c r="L96" s="55" t="s">
        <v>691</v>
      </c>
      <c r="M96" s="55" t="s">
        <v>692</v>
      </c>
      <c r="N96" s="55" t="s">
        <v>4</v>
      </c>
    </row>
    <row r="97" spans="3:14" ht="260.39999999999998" customHeight="1">
      <c r="C97" s="48">
        <v>109</v>
      </c>
      <c r="D97" s="49" t="s">
        <v>0</v>
      </c>
      <c r="E97" s="50" t="s">
        <v>1</v>
      </c>
      <c r="F97" s="50" t="s">
        <v>6</v>
      </c>
      <c r="G97" s="52" t="s">
        <v>543</v>
      </c>
      <c r="H97" s="52"/>
      <c r="I97" s="53" t="s">
        <v>544</v>
      </c>
      <c r="J97" s="49" t="s">
        <v>62</v>
      </c>
      <c r="K97" s="54" t="s">
        <v>545</v>
      </c>
      <c r="L97" s="55" t="s">
        <v>4</v>
      </c>
      <c r="M97" s="55" t="s">
        <v>4</v>
      </c>
      <c r="N97" s="55" t="s">
        <v>4</v>
      </c>
    </row>
    <row r="98" spans="3:14" ht="260.39999999999998" customHeight="1">
      <c r="C98" s="48">
        <v>110</v>
      </c>
      <c r="D98" s="49" t="s">
        <v>0</v>
      </c>
      <c r="E98" s="50" t="s">
        <v>1</v>
      </c>
      <c r="F98" s="50" t="s">
        <v>6</v>
      </c>
      <c r="G98" s="52" t="s">
        <v>546</v>
      </c>
      <c r="H98" s="52"/>
      <c r="I98" s="53" t="s">
        <v>547</v>
      </c>
      <c r="J98" s="49" t="s">
        <v>62</v>
      </c>
      <c r="K98" s="54" t="s">
        <v>548</v>
      </c>
      <c r="L98" s="55" t="s">
        <v>4</v>
      </c>
      <c r="M98" s="55" t="s">
        <v>4</v>
      </c>
      <c r="N98" s="55" t="s">
        <v>549</v>
      </c>
    </row>
    <row r="99" spans="3:14" ht="260.39999999999998" customHeight="1">
      <c r="C99" s="48">
        <v>111</v>
      </c>
      <c r="D99" s="49" t="s">
        <v>0</v>
      </c>
      <c r="E99" s="50" t="s">
        <v>1</v>
      </c>
      <c r="F99" s="50" t="s">
        <v>550</v>
      </c>
      <c r="G99" s="52" t="s">
        <v>551</v>
      </c>
      <c r="H99" s="52" t="s">
        <v>552</v>
      </c>
      <c r="I99" s="53" t="s">
        <v>553</v>
      </c>
      <c r="J99" s="49" t="s">
        <v>5</v>
      </c>
      <c r="K99" s="54"/>
      <c r="L99" s="55" t="s">
        <v>4</v>
      </c>
      <c r="M99" s="55" t="s">
        <v>4</v>
      </c>
      <c r="N99" s="55" t="s">
        <v>4</v>
      </c>
    </row>
    <row r="100" spans="3:14" ht="260.39999999999998" customHeight="1">
      <c r="C100" s="48">
        <v>112</v>
      </c>
      <c r="D100" s="49" t="s">
        <v>0</v>
      </c>
      <c r="E100" s="50" t="s">
        <v>1</v>
      </c>
      <c r="F100" s="50" t="s">
        <v>65</v>
      </c>
      <c r="G100" s="52" t="s">
        <v>554</v>
      </c>
      <c r="H100" s="52" t="s">
        <v>555</v>
      </c>
      <c r="I100" s="53" t="s">
        <v>556</v>
      </c>
      <c r="J100" s="49" t="s">
        <v>5</v>
      </c>
      <c r="K100" s="54"/>
      <c r="L100" s="55" t="s">
        <v>4</v>
      </c>
      <c r="M100" s="55" t="s">
        <v>4</v>
      </c>
      <c r="N100" s="55" t="s">
        <v>4</v>
      </c>
    </row>
    <row r="101" spans="3:14" ht="260.39999999999998" customHeight="1">
      <c r="C101" s="48">
        <v>113</v>
      </c>
      <c r="D101" s="49" t="s">
        <v>0</v>
      </c>
      <c r="E101" s="50" t="s">
        <v>1</v>
      </c>
      <c r="F101" s="50" t="s">
        <v>6</v>
      </c>
      <c r="G101" s="52" t="s">
        <v>546</v>
      </c>
      <c r="H101" s="52"/>
      <c r="I101" s="53" t="s">
        <v>557</v>
      </c>
      <c r="J101" s="49" t="s">
        <v>62</v>
      </c>
      <c r="K101" s="54"/>
      <c r="L101" s="55" t="s">
        <v>4</v>
      </c>
      <c r="M101" s="55" t="s">
        <v>4</v>
      </c>
      <c r="N101" s="55" t="s">
        <v>4</v>
      </c>
    </row>
    <row r="102" spans="3:14" ht="260.39999999999998" customHeight="1">
      <c r="C102" s="48">
        <v>114</v>
      </c>
      <c r="D102" s="49" t="s">
        <v>0</v>
      </c>
      <c r="E102" s="50" t="s">
        <v>1</v>
      </c>
      <c r="F102" s="50" t="s">
        <v>404</v>
      </c>
      <c r="G102" s="52" t="s">
        <v>558</v>
      </c>
      <c r="H102" s="52" t="s">
        <v>559</v>
      </c>
      <c r="I102" s="53" t="s">
        <v>560</v>
      </c>
      <c r="J102" s="49" t="s">
        <v>5</v>
      </c>
      <c r="K102" s="54" t="s">
        <v>561</v>
      </c>
      <c r="L102" s="55" t="s">
        <v>4</v>
      </c>
      <c r="M102" s="55" t="s">
        <v>562</v>
      </c>
      <c r="N102" s="55" t="s">
        <v>4</v>
      </c>
    </row>
    <row r="103" spans="3:14" ht="260.39999999999998" customHeight="1">
      <c r="C103" s="48">
        <v>115</v>
      </c>
      <c r="D103" s="49" t="s">
        <v>0</v>
      </c>
      <c r="E103" s="50" t="s">
        <v>1</v>
      </c>
      <c r="F103" s="50" t="s">
        <v>44</v>
      </c>
      <c r="G103" s="52" t="s">
        <v>546</v>
      </c>
      <c r="H103" s="52"/>
      <c r="I103" s="53" t="s">
        <v>371</v>
      </c>
      <c r="J103" s="49" t="s">
        <v>5</v>
      </c>
      <c r="K103" s="54" t="s">
        <v>563</v>
      </c>
      <c r="L103" s="55" t="s">
        <v>4</v>
      </c>
      <c r="M103" s="55" t="s">
        <v>4</v>
      </c>
      <c r="N103" s="55" t="s">
        <v>564</v>
      </c>
    </row>
    <row r="104" spans="3:14" ht="260.39999999999998" customHeight="1">
      <c r="C104" s="48">
        <v>116</v>
      </c>
      <c r="D104" s="49" t="s">
        <v>0</v>
      </c>
      <c r="E104" s="50" t="s">
        <v>1</v>
      </c>
      <c r="F104" s="50" t="s">
        <v>565</v>
      </c>
      <c r="G104" s="52" t="s">
        <v>566</v>
      </c>
      <c r="H104" s="52"/>
      <c r="I104" s="53" t="s">
        <v>567</v>
      </c>
      <c r="J104" s="49" t="s">
        <v>5</v>
      </c>
      <c r="K104" s="54" t="s">
        <v>568</v>
      </c>
      <c r="L104" s="55" t="s">
        <v>4</v>
      </c>
      <c r="M104" s="55" t="s">
        <v>569</v>
      </c>
      <c r="N104" s="55" t="s">
        <v>4</v>
      </c>
    </row>
    <row r="105" spans="3:14" ht="260.39999999999998" customHeight="1">
      <c r="C105" s="48">
        <v>117</v>
      </c>
      <c r="D105" s="49" t="s">
        <v>126</v>
      </c>
      <c r="E105" s="50" t="s">
        <v>1</v>
      </c>
      <c r="F105" s="50" t="s">
        <v>570</v>
      </c>
      <c r="G105" s="52" t="s">
        <v>571</v>
      </c>
      <c r="H105" s="52"/>
      <c r="I105" s="53"/>
      <c r="J105" s="49" t="s">
        <v>62</v>
      </c>
      <c r="K105" s="54" t="s">
        <v>572</v>
      </c>
      <c r="L105" s="97" t="s">
        <v>1480</v>
      </c>
      <c r="M105" s="55" t="s">
        <v>4</v>
      </c>
      <c r="N105" s="55" t="s">
        <v>4</v>
      </c>
    </row>
    <row r="106" spans="3:14" ht="260.39999999999998" customHeight="1">
      <c r="C106" s="48">
        <v>118</v>
      </c>
      <c r="D106" s="49" t="s">
        <v>126</v>
      </c>
      <c r="E106" s="50" t="s">
        <v>1</v>
      </c>
      <c r="F106" s="50" t="s">
        <v>573</v>
      </c>
      <c r="G106" s="52" t="s">
        <v>558</v>
      </c>
      <c r="H106" s="52"/>
      <c r="I106" s="53" t="s">
        <v>574</v>
      </c>
      <c r="J106" s="49" t="s">
        <v>5</v>
      </c>
      <c r="K106" s="54" t="s">
        <v>575</v>
      </c>
      <c r="L106" s="55" t="s">
        <v>4</v>
      </c>
      <c r="M106" s="55" t="s">
        <v>4</v>
      </c>
      <c r="N106" s="55" t="s">
        <v>4</v>
      </c>
    </row>
    <row r="107" spans="3:14" ht="260.39999999999998" customHeight="1">
      <c r="C107" s="48">
        <v>119</v>
      </c>
      <c r="D107" s="49" t="s">
        <v>0</v>
      </c>
      <c r="E107" s="50" t="s">
        <v>1</v>
      </c>
      <c r="F107" s="50" t="s">
        <v>69</v>
      </c>
      <c r="G107" s="52" t="s">
        <v>543</v>
      </c>
      <c r="H107" s="52"/>
      <c r="I107" s="53"/>
      <c r="J107" s="49" t="s">
        <v>5</v>
      </c>
      <c r="K107" s="54" t="s">
        <v>576</v>
      </c>
      <c r="L107" s="97" t="s">
        <v>1481</v>
      </c>
      <c r="M107" s="55" t="s">
        <v>4</v>
      </c>
      <c r="N107" s="55" t="s">
        <v>4</v>
      </c>
    </row>
    <row r="108" spans="3:14" ht="260.39999999999998" customHeight="1">
      <c r="C108" s="48">
        <v>120</v>
      </c>
      <c r="D108" s="49" t="s">
        <v>126</v>
      </c>
      <c r="E108" s="50" t="s">
        <v>1</v>
      </c>
      <c r="F108" s="50" t="s">
        <v>44</v>
      </c>
      <c r="G108" s="52" t="s">
        <v>577</v>
      </c>
      <c r="H108" s="52"/>
      <c r="I108" s="53"/>
      <c r="J108" s="49" t="s">
        <v>5</v>
      </c>
      <c r="K108" s="54"/>
      <c r="L108" s="55" t="s">
        <v>4</v>
      </c>
      <c r="M108" s="55" t="s">
        <v>4</v>
      </c>
      <c r="N108" s="55" t="s">
        <v>4</v>
      </c>
    </row>
    <row r="109" spans="3:14" ht="260.39999999999998" customHeight="1">
      <c r="C109" s="48">
        <v>121</v>
      </c>
      <c r="D109" s="49" t="s">
        <v>0</v>
      </c>
      <c r="E109" s="50" t="s">
        <v>1</v>
      </c>
      <c r="F109" s="50" t="s">
        <v>565</v>
      </c>
      <c r="G109" s="52" t="s">
        <v>546</v>
      </c>
      <c r="H109" s="52" t="s">
        <v>578</v>
      </c>
      <c r="I109" s="53"/>
      <c r="J109" s="49" t="s">
        <v>5</v>
      </c>
      <c r="K109" s="54"/>
      <c r="L109" s="55" t="s">
        <v>4</v>
      </c>
      <c r="M109" s="55" t="s">
        <v>4</v>
      </c>
      <c r="N109" s="55" t="s">
        <v>4</v>
      </c>
    </row>
    <row r="110" spans="3:14" ht="260.39999999999998" customHeight="1">
      <c r="C110" s="48">
        <v>122</v>
      </c>
      <c r="D110" s="49" t="s">
        <v>0</v>
      </c>
      <c r="E110" s="50" t="s">
        <v>1</v>
      </c>
      <c r="F110" s="50" t="s">
        <v>565</v>
      </c>
      <c r="G110" s="52" t="s">
        <v>543</v>
      </c>
      <c r="H110" s="52"/>
      <c r="I110" s="53" t="s">
        <v>579</v>
      </c>
      <c r="J110" s="49" t="s">
        <v>5</v>
      </c>
      <c r="K110" s="54" t="s">
        <v>580</v>
      </c>
      <c r="L110" s="55" t="s">
        <v>4</v>
      </c>
      <c r="M110" s="55" t="s">
        <v>4</v>
      </c>
      <c r="N110" s="55" t="s">
        <v>4</v>
      </c>
    </row>
    <row r="111" spans="3:14" ht="260.39999999999998" customHeight="1">
      <c r="C111" s="48">
        <v>123</v>
      </c>
      <c r="D111" s="49" t="s">
        <v>0</v>
      </c>
      <c r="E111" s="50" t="s">
        <v>1</v>
      </c>
      <c r="F111" s="50" t="s">
        <v>89</v>
      </c>
      <c r="G111" s="52" t="s">
        <v>543</v>
      </c>
      <c r="H111" s="52"/>
      <c r="I111" s="53" t="s">
        <v>693</v>
      </c>
      <c r="J111" s="49" t="s">
        <v>5</v>
      </c>
      <c r="K111" s="54"/>
      <c r="L111" s="55" t="s">
        <v>4</v>
      </c>
      <c r="M111" s="55" t="s">
        <v>4</v>
      </c>
      <c r="N111" s="55" t="s">
        <v>4</v>
      </c>
    </row>
    <row r="112" spans="3:14" ht="260.39999999999998" customHeight="1">
      <c r="C112" s="48">
        <v>124</v>
      </c>
      <c r="D112" s="49" t="s">
        <v>0</v>
      </c>
      <c r="E112" s="50" t="s">
        <v>1</v>
      </c>
      <c r="F112" s="50" t="s">
        <v>565</v>
      </c>
      <c r="G112" s="52" t="s">
        <v>543</v>
      </c>
      <c r="H112" s="52"/>
      <c r="I112" s="53" t="s">
        <v>581</v>
      </c>
      <c r="J112" s="49" t="s">
        <v>5</v>
      </c>
      <c r="K112" s="54"/>
      <c r="L112" s="55" t="s">
        <v>4</v>
      </c>
      <c r="M112" s="55" t="s">
        <v>4</v>
      </c>
      <c r="N112" s="55" t="s">
        <v>4</v>
      </c>
    </row>
    <row r="113" spans="3:14" ht="260.39999999999998" customHeight="1">
      <c r="C113" s="48">
        <v>125</v>
      </c>
      <c r="D113" s="49" t="s">
        <v>126</v>
      </c>
      <c r="E113" s="50" t="s">
        <v>1</v>
      </c>
      <c r="F113" s="50" t="s">
        <v>582</v>
      </c>
      <c r="G113" s="52" t="s">
        <v>12</v>
      </c>
      <c r="H113" s="52"/>
      <c r="I113" s="53" t="s">
        <v>583</v>
      </c>
      <c r="J113" s="49" t="s">
        <v>5</v>
      </c>
      <c r="K113" s="54"/>
      <c r="L113" s="55" t="s">
        <v>4</v>
      </c>
      <c r="M113" s="55" t="s">
        <v>4</v>
      </c>
      <c r="N113" s="55" t="s">
        <v>4</v>
      </c>
    </row>
    <row r="114" spans="3:14" ht="260.39999999999998" customHeight="1">
      <c r="C114" s="48">
        <v>126</v>
      </c>
      <c r="D114" s="49" t="s">
        <v>0</v>
      </c>
      <c r="E114" s="50" t="s">
        <v>1</v>
      </c>
      <c r="F114" s="50" t="s">
        <v>89</v>
      </c>
      <c r="G114" s="52" t="s">
        <v>433</v>
      </c>
      <c r="H114" s="52"/>
      <c r="I114" s="53" t="s">
        <v>584</v>
      </c>
      <c r="J114" s="49" t="s">
        <v>62</v>
      </c>
      <c r="K114" s="54" t="s">
        <v>585</v>
      </c>
      <c r="L114" s="55" t="s">
        <v>4</v>
      </c>
      <c r="M114" s="55" t="s">
        <v>4</v>
      </c>
      <c r="N114" s="55" t="s">
        <v>4</v>
      </c>
    </row>
    <row r="115" spans="3:14" ht="260.39999999999998" customHeight="1">
      <c r="C115" s="48">
        <v>127</v>
      </c>
      <c r="D115" s="49" t="s">
        <v>126</v>
      </c>
      <c r="E115" s="50" t="s">
        <v>1</v>
      </c>
      <c r="F115" s="50" t="s">
        <v>65</v>
      </c>
      <c r="G115" s="52" t="s">
        <v>586</v>
      </c>
      <c r="H115" s="52" t="s">
        <v>552</v>
      </c>
      <c r="I115" s="53"/>
      <c r="J115" s="49" t="s">
        <v>5</v>
      </c>
      <c r="K115" s="54" t="s">
        <v>587</v>
      </c>
      <c r="L115" s="55" t="s">
        <v>4</v>
      </c>
      <c r="M115" s="55" t="s">
        <v>4</v>
      </c>
      <c r="N115" s="55" t="s">
        <v>4</v>
      </c>
    </row>
    <row r="116" spans="3:14" ht="260.39999999999998" customHeight="1">
      <c r="C116" s="48">
        <v>128</v>
      </c>
      <c r="D116" s="49" t="s">
        <v>0</v>
      </c>
      <c r="E116" s="50" t="s">
        <v>1</v>
      </c>
      <c r="F116" s="50" t="s">
        <v>565</v>
      </c>
      <c r="G116" s="52" t="s">
        <v>588</v>
      </c>
      <c r="H116" s="52"/>
      <c r="I116" s="53"/>
      <c r="J116" s="49" t="s">
        <v>5</v>
      </c>
      <c r="K116" s="54"/>
      <c r="L116" s="55" t="s">
        <v>4</v>
      </c>
      <c r="M116" s="55" t="s">
        <v>4</v>
      </c>
      <c r="N116" s="55" t="s">
        <v>4</v>
      </c>
    </row>
    <row r="117" spans="3:14" ht="260.39999999999998" customHeight="1">
      <c r="C117" s="48">
        <v>129</v>
      </c>
      <c r="D117" s="49" t="s">
        <v>0</v>
      </c>
      <c r="E117" s="50" t="s">
        <v>1</v>
      </c>
      <c r="F117" s="50" t="s">
        <v>65</v>
      </c>
      <c r="G117" s="52" t="s">
        <v>543</v>
      </c>
      <c r="H117" s="52"/>
      <c r="I117" s="53"/>
      <c r="J117" s="49" t="s">
        <v>62</v>
      </c>
      <c r="K117" s="54"/>
      <c r="L117" s="55" t="s">
        <v>4</v>
      </c>
      <c r="M117" s="55" t="s">
        <v>4</v>
      </c>
      <c r="N117" s="55" t="s">
        <v>4</v>
      </c>
    </row>
    <row r="118" spans="3:14" ht="260.39999999999998" customHeight="1">
      <c r="C118" s="48">
        <v>130</v>
      </c>
      <c r="D118" s="49" t="s">
        <v>0</v>
      </c>
      <c r="E118" s="50" t="s">
        <v>1</v>
      </c>
      <c r="F118" s="50" t="s">
        <v>589</v>
      </c>
      <c r="G118" s="52" t="s">
        <v>543</v>
      </c>
      <c r="H118" s="52"/>
      <c r="I118" s="53" t="s">
        <v>590</v>
      </c>
      <c r="J118" s="49" t="s">
        <v>5</v>
      </c>
      <c r="K118" s="54" t="s">
        <v>591</v>
      </c>
      <c r="L118" s="55" t="s">
        <v>4</v>
      </c>
      <c r="M118" s="55" t="s">
        <v>592</v>
      </c>
      <c r="N118" s="55" t="s">
        <v>4</v>
      </c>
    </row>
    <row r="119" spans="3:14" ht="260.39999999999998" customHeight="1">
      <c r="C119" s="48">
        <v>131</v>
      </c>
      <c r="D119" s="49" t="s">
        <v>126</v>
      </c>
      <c r="E119" s="50" t="s">
        <v>1</v>
      </c>
      <c r="F119" s="50" t="s">
        <v>65</v>
      </c>
      <c r="G119" s="52" t="s">
        <v>347</v>
      </c>
      <c r="H119" s="52"/>
      <c r="I119" s="53" t="s">
        <v>583</v>
      </c>
      <c r="J119" s="49" t="s">
        <v>5</v>
      </c>
      <c r="K119" s="54"/>
      <c r="L119" s="55" t="s">
        <v>4</v>
      </c>
      <c r="M119" s="55" t="s">
        <v>593</v>
      </c>
      <c r="N119" s="55" t="s">
        <v>4</v>
      </c>
    </row>
    <row r="120" spans="3:14" ht="260.39999999999998" customHeight="1">
      <c r="C120" s="48">
        <v>132</v>
      </c>
      <c r="D120" s="49" t="s">
        <v>126</v>
      </c>
      <c r="E120" s="50" t="s">
        <v>1</v>
      </c>
      <c r="F120" s="50" t="s">
        <v>582</v>
      </c>
      <c r="G120" s="52" t="s">
        <v>543</v>
      </c>
      <c r="H120" s="52" t="s">
        <v>594</v>
      </c>
      <c r="I120" s="53" t="s">
        <v>595</v>
      </c>
      <c r="J120" s="49" t="s">
        <v>5</v>
      </c>
      <c r="K120" s="54" t="s">
        <v>596</v>
      </c>
      <c r="L120" s="97" t="s">
        <v>1482</v>
      </c>
      <c r="M120" s="55" t="s">
        <v>4</v>
      </c>
      <c r="N120" s="55" t="s">
        <v>4</v>
      </c>
    </row>
    <row r="121" spans="3:14" ht="260.39999999999998" customHeight="1">
      <c r="C121" s="48">
        <v>133</v>
      </c>
      <c r="D121" s="49" t="s">
        <v>0</v>
      </c>
      <c r="E121" s="50" t="s">
        <v>1</v>
      </c>
      <c r="F121" s="50" t="s">
        <v>565</v>
      </c>
      <c r="G121" s="52" t="s">
        <v>597</v>
      </c>
      <c r="H121" s="52"/>
      <c r="I121" s="53" t="s">
        <v>598</v>
      </c>
      <c r="J121" s="49" t="s">
        <v>5</v>
      </c>
      <c r="K121" s="54"/>
      <c r="L121" s="55" t="s">
        <v>4</v>
      </c>
      <c r="M121" s="55" t="s">
        <v>4</v>
      </c>
      <c r="N121" s="55" t="s">
        <v>4</v>
      </c>
    </row>
    <row r="122" spans="3:14" ht="260.39999999999998" customHeight="1">
      <c r="C122" s="48">
        <v>134</v>
      </c>
      <c r="D122" s="49" t="s">
        <v>0</v>
      </c>
      <c r="E122" s="50" t="s">
        <v>1</v>
      </c>
      <c r="F122" s="50" t="s">
        <v>404</v>
      </c>
      <c r="G122" s="52" t="s">
        <v>599</v>
      </c>
      <c r="H122" s="52"/>
      <c r="I122" s="53"/>
      <c r="J122" s="49" t="s">
        <v>5</v>
      </c>
      <c r="K122" s="54" t="s">
        <v>600</v>
      </c>
      <c r="L122" s="55" t="s">
        <v>4</v>
      </c>
      <c r="M122" s="55" t="s">
        <v>601</v>
      </c>
      <c r="N122" s="55" t="s">
        <v>4</v>
      </c>
    </row>
    <row r="123" spans="3:14" ht="260.39999999999998" customHeight="1">
      <c r="C123" s="48">
        <v>135</v>
      </c>
      <c r="D123" s="49" t="s">
        <v>0</v>
      </c>
      <c r="E123" s="50" t="s">
        <v>1</v>
      </c>
      <c r="F123" s="50" t="s">
        <v>6</v>
      </c>
      <c r="G123" s="52" t="s">
        <v>543</v>
      </c>
      <c r="H123" s="52"/>
      <c r="I123" s="53" t="s">
        <v>602</v>
      </c>
      <c r="J123" s="49" t="s">
        <v>5</v>
      </c>
      <c r="K123" s="54" t="s">
        <v>603</v>
      </c>
      <c r="L123" s="55" t="s">
        <v>4</v>
      </c>
      <c r="M123" s="55" t="s">
        <v>4</v>
      </c>
      <c r="N123" s="55" t="s">
        <v>4</v>
      </c>
    </row>
    <row r="124" spans="3:14" ht="260.39999999999998" customHeight="1">
      <c r="C124" s="48">
        <v>136</v>
      </c>
      <c r="D124" s="49" t="s">
        <v>0</v>
      </c>
      <c r="E124" s="50" t="s">
        <v>1</v>
      </c>
      <c r="F124" s="50" t="s">
        <v>65</v>
      </c>
      <c r="G124" s="52" t="s">
        <v>604</v>
      </c>
      <c r="H124" s="52" t="s">
        <v>371</v>
      </c>
      <c r="I124" s="53" t="s">
        <v>605</v>
      </c>
      <c r="J124" s="49" t="s">
        <v>62</v>
      </c>
      <c r="K124" s="54" t="s">
        <v>606</v>
      </c>
      <c r="L124" s="55" t="s">
        <v>4</v>
      </c>
      <c r="M124" s="55" t="s">
        <v>4</v>
      </c>
      <c r="N124" s="55" t="s">
        <v>4</v>
      </c>
    </row>
    <row r="125" spans="3:14" ht="260.39999999999998" customHeight="1">
      <c r="C125" s="48">
        <v>137</v>
      </c>
      <c r="D125" s="49" t="s">
        <v>0</v>
      </c>
      <c r="E125" s="50" t="s">
        <v>1</v>
      </c>
      <c r="F125" s="50" t="s">
        <v>404</v>
      </c>
      <c r="G125" s="52" t="s">
        <v>546</v>
      </c>
      <c r="H125" s="52"/>
      <c r="I125" s="53" t="s">
        <v>583</v>
      </c>
      <c r="J125" s="49" t="s">
        <v>5</v>
      </c>
      <c r="K125" s="54" t="s">
        <v>607</v>
      </c>
      <c r="L125" s="55" t="s">
        <v>4</v>
      </c>
      <c r="M125" s="55" t="s">
        <v>4</v>
      </c>
      <c r="N125" s="55" t="s">
        <v>4</v>
      </c>
    </row>
    <row r="126" spans="3:14" ht="260.39999999999998" customHeight="1">
      <c r="C126" s="48">
        <v>138</v>
      </c>
      <c r="D126" s="49" t="s">
        <v>0</v>
      </c>
      <c r="E126" s="50" t="s">
        <v>1</v>
      </c>
      <c r="F126" s="50" t="s">
        <v>608</v>
      </c>
      <c r="G126" s="52" t="s">
        <v>609</v>
      </c>
      <c r="H126" s="52" t="s">
        <v>552</v>
      </c>
      <c r="I126" s="53" t="s">
        <v>610</v>
      </c>
      <c r="J126" s="49" t="s">
        <v>5</v>
      </c>
      <c r="K126" s="54" t="s">
        <v>611</v>
      </c>
      <c r="L126" s="97" t="s">
        <v>1488</v>
      </c>
      <c r="M126" s="55" t="s">
        <v>4</v>
      </c>
      <c r="N126" s="55" t="s">
        <v>4</v>
      </c>
    </row>
    <row r="127" spans="3:14" ht="260.39999999999998" customHeight="1">
      <c r="C127" s="48">
        <v>139</v>
      </c>
      <c r="D127" s="49" t="s">
        <v>0</v>
      </c>
      <c r="E127" s="50" t="s">
        <v>1</v>
      </c>
      <c r="F127" s="50" t="s">
        <v>94</v>
      </c>
      <c r="G127" s="52" t="s">
        <v>612</v>
      </c>
      <c r="H127" s="52" t="s">
        <v>613</v>
      </c>
      <c r="I127" s="53" t="s">
        <v>584</v>
      </c>
      <c r="J127" s="49" t="s">
        <v>5</v>
      </c>
      <c r="K127" s="54" t="s">
        <v>614</v>
      </c>
      <c r="L127" s="55" t="s">
        <v>4</v>
      </c>
      <c r="M127" s="55" t="s">
        <v>4</v>
      </c>
      <c r="N127" s="55" t="s">
        <v>4</v>
      </c>
    </row>
    <row r="128" spans="3:14" ht="260.39999999999998" customHeight="1">
      <c r="C128" s="48">
        <v>140</v>
      </c>
      <c r="D128" s="49" t="s">
        <v>0</v>
      </c>
      <c r="E128" s="50" t="s">
        <v>1</v>
      </c>
      <c r="F128" s="50" t="s">
        <v>364</v>
      </c>
      <c r="G128" s="52" t="s">
        <v>615</v>
      </c>
      <c r="H128" s="52" t="s">
        <v>616</v>
      </c>
      <c r="I128" s="53"/>
      <c r="J128" s="49" t="s">
        <v>62</v>
      </c>
      <c r="K128" s="54" t="s">
        <v>617</v>
      </c>
      <c r="L128" s="97" t="s">
        <v>1483</v>
      </c>
      <c r="M128" s="55" t="s">
        <v>4</v>
      </c>
      <c r="N128" s="55" t="s">
        <v>4</v>
      </c>
    </row>
    <row r="129" spans="3:14" ht="260.39999999999998" customHeight="1">
      <c r="C129" s="48">
        <v>141</v>
      </c>
      <c r="D129" s="49" t="s">
        <v>0</v>
      </c>
      <c r="E129" s="50" t="s">
        <v>1</v>
      </c>
      <c r="F129" s="50" t="s">
        <v>565</v>
      </c>
      <c r="G129" s="52" t="s">
        <v>618</v>
      </c>
      <c r="H129" s="52"/>
      <c r="I129" s="53"/>
      <c r="J129" s="49" t="s">
        <v>62</v>
      </c>
      <c r="K129" s="54"/>
      <c r="L129" s="55" t="s">
        <v>4</v>
      </c>
      <c r="M129" s="55" t="s">
        <v>4</v>
      </c>
      <c r="N129" s="55" t="s">
        <v>4</v>
      </c>
    </row>
    <row r="130" spans="3:14" ht="260.39999999999998" customHeight="1">
      <c r="C130" s="48">
        <v>142</v>
      </c>
      <c r="D130" s="49" t="s">
        <v>0</v>
      </c>
      <c r="E130" s="50" t="s">
        <v>1</v>
      </c>
      <c r="F130" s="50" t="s">
        <v>44</v>
      </c>
      <c r="G130" s="52" t="s">
        <v>558</v>
      </c>
      <c r="H130" s="52"/>
      <c r="I130" s="53" t="s">
        <v>619</v>
      </c>
      <c r="J130" s="49" t="s">
        <v>5</v>
      </c>
      <c r="K130" s="54" t="s">
        <v>620</v>
      </c>
      <c r="L130" s="55" t="s">
        <v>4</v>
      </c>
      <c r="M130" s="55" t="s">
        <v>621</v>
      </c>
      <c r="N130" s="55" t="s">
        <v>4</v>
      </c>
    </row>
    <row r="131" spans="3:14" ht="260.39999999999998" customHeight="1">
      <c r="C131" s="48">
        <v>143</v>
      </c>
      <c r="D131" s="49" t="s">
        <v>0</v>
      </c>
      <c r="E131" s="50" t="s">
        <v>1</v>
      </c>
      <c r="F131" s="50" t="s">
        <v>6</v>
      </c>
      <c r="G131" s="52" t="s">
        <v>12</v>
      </c>
      <c r="H131" s="52" t="s">
        <v>552</v>
      </c>
      <c r="I131" s="53"/>
      <c r="J131" s="49" t="s">
        <v>62</v>
      </c>
      <c r="K131" s="54" t="s">
        <v>622</v>
      </c>
      <c r="L131" s="55" t="s">
        <v>4</v>
      </c>
      <c r="M131" s="55" t="s">
        <v>4</v>
      </c>
      <c r="N131" s="55" t="s">
        <v>4</v>
      </c>
    </row>
    <row r="132" spans="3:14" ht="260.39999999999998" customHeight="1">
      <c r="C132" s="48">
        <v>144</v>
      </c>
      <c r="D132" s="49" t="s">
        <v>126</v>
      </c>
      <c r="E132" s="50" t="s">
        <v>1</v>
      </c>
      <c r="F132" s="50" t="s">
        <v>289</v>
      </c>
      <c r="G132" s="52" t="s">
        <v>558</v>
      </c>
      <c r="H132" s="52"/>
      <c r="I132" s="53" t="s">
        <v>623</v>
      </c>
      <c r="J132" s="49" t="s">
        <v>5</v>
      </c>
      <c r="K132" s="54" t="s">
        <v>624</v>
      </c>
      <c r="L132" s="55" t="s">
        <v>4</v>
      </c>
      <c r="M132" s="55" t="s">
        <v>4</v>
      </c>
      <c r="N132" s="55" t="s">
        <v>4</v>
      </c>
    </row>
    <row r="133" spans="3:14" ht="260.39999999999998" customHeight="1">
      <c r="C133" s="48">
        <v>145</v>
      </c>
      <c r="D133" s="49" t="s">
        <v>0</v>
      </c>
      <c r="E133" s="50" t="s">
        <v>1</v>
      </c>
      <c r="F133" s="50" t="s">
        <v>227</v>
      </c>
      <c r="G133" s="52" t="s">
        <v>543</v>
      </c>
      <c r="H133" s="52" t="s">
        <v>625</v>
      </c>
      <c r="I133" s="53" t="s">
        <v>625</v>
      </c>
      <c r="J133" s="49" t="s">
        <v>5</v>
      </c>
      <c r="K133" s="54" t="s">
        <v>626</v>
      </c>
      <c r="L133" s="55" t="s">
        <v>4</v>
      </c>
      <c r="M133" s="55" t="s">
        <v>4</v>
      </c>
      <c r="N133" s="55" t="s">
        <v>4</v>
      </c>
    </row>
    <row r="134" spans="3:14" ht="260.39999999999998" customHeight="1">
      <c r="C134" s="48">
        <v>146</v>
      </c>
      <c r="D134" s="49" t="s">
        <v>0</v>
      </c>
      <c r="E134" s="50" t="s">
        <v>1</v>
      </c>
      <c r="F134" s="50" t="s">
        <v>89</v>
      </c>
      <c r="G134" s="52" t="s">
        <v>543</v>
      </c>
      <c r="H134" s="52"/>
      <c r="I134" s="53" t="s">
        <v>627</v>
      </c>
      <c r="J134" s="49" t="s">
        <v>5</v>
      </c>
      <c r="K134" s="54"/>
      <c r="L134" s="55" t="s">
        <v>4</v>
      </c>
      <c r="M134" s="55" t="s">
        <v>4</v>
      </c>
      <c r="N134" s="55" t="s">
        <v>4</v>
      </c>
    </row>
    <row r="135" spans="3:14" ht="260.39999999999998" customHeight="1">
      <c r="C135" s="48">
        <v>147</v>
      </c>
      <c r="D135" s="49" t="s">
        <v>0</v>
      </c>
      <c r="E135" s="50" t="s">
        <v>1</v>
      </c>
      <c r="F135" s="50" t="s">
        <v>65</v>
      </c>
      <c r="G135" s="52" t="s">
        <v>546</v>
      </c>
      <c r="H135" s="52"/>
      <c r="I135" s="53" t="s">
        <v>628</v>
      </c>
      <c r="J135" s="49" t="s">
        <v>5</v>
      </c>
      <c r="K135" s="54" t="s">
        <v>629</v>
      </c>
      <c r="L135" s="55" t="s">
        <v>4</v>
      </c>
      <c r="M135" s="55" t="s">
        <v>630</v>
      </c>
      <c r="N135" s="55" t="s">
        <v>4</v>
      </c>
    </row>
    <row r="136" spans="3:14" ht="260.39999999999998" customHeight="1">
      <c r="C136" s="48">
        <v>148</v>
      </c>
      <c r="D136" s="49" t="s">
        <v>0</v>
      </c>
      <c r="E136" s="50" t="s">
        <v>1</v>
      </c>
      <c r="F136" s="50" t="s">
        <v>565</v>
      </c>
      <c r="G136" s="52" t="s">
        <v>631</v>
      </c>
      <c r="H136" s="52" t="s">
        <v>552</v>
      </c>
      <c r="I136" s="53"/>
      <c r="J136" s="49" t="s">
        <v>5</v>
      </c>
      <c r="K136" s="54"/>
      <c r="L136" s="55" t="s">
        <v>4</v>
      </c>
      <c r="M136" s="55" t="s">
        <v>4</v>
      </c>
      <c r="N136" s="55" t="s">
        <v>4</v>
      </c>
    </row>
    <row r="137" spans="3:14" ht="260.39999999999998" customHeight="1">
      <c r="C137" s="48">
        <v>149</v>
      </c>
      <c r="D137" s="49" t="s">
        <v>0</v>
      </c>
      <c r="E137" s="50" t="s">
        <v>1</v>
      </c>
      <c r="F137" s="50" t="s">
        <v>69</v>
      </c>
      <c r="G137" s="52" t="s">
        <v>586</v>
      </c>
      <c r="H137" s="52"/>
      <c r="I137" s="53" t="s">
        <v>632</v>
      </c>
      <c r="J137" s="49" t="s">
        <v>5</v>
      </c>
      <c r="K137" s="54"/>
      <c r="L137" s="55" t="s">
        <v>4</v>
      </c>
      <c r="M137" s="55" t="s">
        <v>4</v>
      </c>
      <c r="N137" s="55" t="s">
        <v>4</v>
      </c>
    </row>
    <row r="138" spans="3:14" ht="260.39999999999998" customHeight="1">
      <c r="C138" s="48">
        <v>150</v>
      </c>
      <c r="D138" s="49" t="s">
        <v>0</v>
      </c>
      <c r="E138" s="50" t="s">
        <v>1</v>
      </c>
      <c r="F138" s="50" t="s">
        <v>94</v>
      </c>
      <c r="G138" s="52" t="s">
        <v>554</v>
      </c>
      <c r="H138" s="52" t="s">
        <v>552</v>
      </c>
      <c r="I138" s="53" t="s">
        <v>633</v>
      </c>
      <c r="J138" s="49" t="s">
        <v>5</v>
      </c>
      <c r="K138" s="54"/>
      <c r="L138" s="55" t="s">
        <v>4</v>
      </c>
      <c r="M138" s="55" t="s">
        <v>4</v>
      </c>
      <c r="N138" s="55" t="s">
        <v>4</v>
      </c>
    </row>
    <row r="139" spans="3:14" ht="260.39999999999998" customHeight="1">
      <c r="C139" s="48">
        <v>151</v>
      </c>
      <c r="D139" s="49" t="s">
        <v>0</v>
      </c>
      <c r="E139" s="50" t="s">
        <v>1</v>
      </c>
      <c r="F139" s="50" t="s">
        <v>44</v>
      </c>
      <c r="G139" s="52" t="s">
        <v>634</v>
      </c>
      <c r="H139" s="52"/>
      <c r="I139" s="53" t="s">
        <v>635</v>
      </c>
      <c r="J139" s="49" t="s">
        <v>5</v>
      </c>
      <c r="K139" s="54" t="s">
        <v>636</v>
      </c>
      <c r="L139" s="55" t="s">
        <v>4</v>
      </c>
      <c r="M139" s="55" t="s">
        <v>4</v>
      </c>
      <c r="N139" s="55" t="s">
        <v>4</v>
      </c>
    </row>
    <row r="140" spans="3:14" ht="260.39999999999998" customHeight="1">
      <c r="C140" s="48">
        <v>152</v>
      </c>
      <c r="D140" s="49" t="s">
        <v>0</v>
      </c>
      <c r="E140" s="50" t="s">
        <v>1</v>
      </c>
      <c r="F140" s="50" t="s">
        <v>565</v>
      </c>
      <c r="G140" s="52" t="s">
        <v>543</v>
      </c>
      <c r="H140" s="52"/>
      <c r="I140" s="53" t="s">
        <v>637</v>
      </c>
      <c r="J140" s="49" t="s">
        <v>5</v>
      </c>
      <c r="K140" s="54" t="s">
        <v>638</v>
      </c>
      <c r="L140" s="55" t="s">
        <v>4</v>
      </c>
      <c r="M140" s="55" t="s">
        <v>4</v>
      </c>
      <c r="N140" s="55" t="s">
        <v>4</v>
      </c>
    </row>
    <row r="141" spans="3:14" ht="260.39999999999998" customHeight="1">
      <c r="C141" s="48">
        <v>153</v>
      </c>
      <c r="D141" s="49" t="s">
        <v>0</v>
      </c>
      <c r="E141" s="50" t="s">
        <v>1</v>
      </c>
      <c r="F141" s="50" t="s">
        <v>65</v>
      </c>
      <c r="G141" s="52" t="s">
        <v>639</v>
      </c>
      <c r="H141" s="52" t="s">
        <v>640</v>
      </c>
      <c r="I141" s="53" t="s">
        <v>641</v>
      </c>
      <c r="J141" s="49" t="s">
        <v>5</v>
      </c>
      <c r="K141" s="54" t="s">
        <v>642</v>
      </c>
      <c r="L141" s="97" t="s">
        <v>1484</v>
      </c>
      <c r="M141" s="55" t="s">
        <v>4</v>
      </c>
      <c r="N141" s="55" t="s">
        <v>4</v>
      </c>
    </row>
    <row r="142" spans="3:14" ht="260.39999999999998" customHeight="1">
      <c r="C142" s="48">
        <v>154</v>
      </c>
      <c r="D142" s="49" t="s">
        <v>0</v>
      </c>
      <c r="E142" s="50" t="s">
        <v>1</v>
      </c>
      <c r="F142" s="50" t="s">
        <v>565</v>
      </c>
      <c r="G142" s="52" t="s">
        <v>643</v>
      </c>
      <c r="H142" s="52"/>
      <c r="I142" s="53" t="s">
        <v>644</v>
      </c>
      <c r="J142" s="49" t="s">
        <v>5</v>
      </c>
      <c r="K142" s="54" t="s">
        <v>645</v>
      </c>
      <c r="L142" s="97" t="s">
        <v>1485</v>
      </c>
      <c r="M142" s="55" t="s">
        <v>4</v>
      </c>
      <c r="N142" s="55" t="s">
        <v>4</v>
      </c>
    </row>
    <row r="143" spans="3:14" ht="260.39999999999998" customHeight="1">
      <c r="C143" s="48">
        <v>155</v>
      </c>
      <c r="D143" s="49" t="s">
        <v>0</v>
      </c>
      <c r="E143" s="50" t="s">
        <v>1</v>
      </c>
      <c r="F143" s="50" t="s">
        <v>565</v>
      </c>
      <c r="G143" s="52" t="s">
        <v>543</v>
      </c>
      <c r="H143" s="52"/>
      <c r="I143" s="53" t="s">
        <v>646</v>
      </c>
      <c r="J143" s="49" t="s">
        <v>62</v>
      </c>
      <c r="K143" s="54" t="s">
        <v>647</v>
      </c>
      <c r="L143" s="55" t="s">
        <v>4</v>
      </c>
      <c r="M143" s="55" t="s">
        <v>4</v>
      </c>
      <c r="N143" s="55" t="s">
        <v>4</v>
      </c>
    </row>
    <row r="144" spans="3:14" ht="260.39999999999998" customHeight="1">
      <c r="C144" s="48">
        <v>156</v>
      </c>
      <c r="D144" s="49" t="s">
        <v>126</v>
      </c>
      <c r="E144" s="50" t="s">
        <v>1</v>
      </c>
      <c r="F144" s="50" t="s">
        <v>289</v>
      </c>
      <c r="G144" s="52" t="s">
        <v>543</v>
      </c>
      <c r="H144" s="52"/>
      <c r="I144" s="53"/>
      <c r="J144" s="49" t="s">
        <v>5</v>
      </c>
      <c r="K144" s="54"/>
      <c r="L144" s="55" t="s">
        <v>4</v>
      </c>
      <c r="M144" s="55" t="s">
        <v>4</v>
      </c>
      <c r="N144" s="55" t="s">
        <v>4</v>
      </c>
    </row>
    <row r="145" spans="3:14" ht="260.39999999999998" customHeight="1">
      <c r="C145" s="48">
        <v>157</v>
      </c>
      <c r="D145" s="49" t="s">
        <v>0</v>
      </c>
      <c r="E145" s="50" t="s">
        <v>1</v>
      </c>
      <c r="F145" s="50" t="s">
        <v>6</v>
      </c>
      <c r="G145" s="52" t="s">
        <v>558</v>
      </c>
      <c r="H145" s="52" t="s">
        <v>371</v>
      </c>
      <c r="I145" s="53" t="s">
        <v>371</v>
      </c>
      <c r="J145" s="49" t="s">
        <v>62</v>
      </c>
      <c r="K145" s="54" t="s">
        <v>648</v>
      </c>
      <c r="L145" s="55" t="s">
        <v>4</v>
      </c>
      <c r="M145" s="55" t="s">
        <v>4</v>
      </c>
      <c r="N145" s="55" t="s">
        <v>4</v>
      </c>
    </row>
    <row r="146" spans="3:14" ht="260.39999999999998" customHeight="1">
      <c r="C146" s="48">
        <v>158</v>
      </c>
      <c r="D146" s="49" t="s">
        <v>0</v>
      </c>
      <c r="E146" s="50" t="s">
        <v>1</v>
      </c>
      <c r="F146" s="50" t="s">
        <v>6</v>
      </c>
      <c r="G146" s="52" t="s">
        <v>546</v>
      </c>
      <c r="H146" s="52"/>
      <c r="I146" s="53" t="s">
        <v>649</v>
      </c>
      <c r="J146" s="49" t="s">
        <v>5</v>
      </c>
      <c r="K146" s="54" t="s">
        <v>650</v>
      </c>
      <c r="L146" s="55" t="s">
        <v>4</v>
      </c>
      <c r="M146" s="55" t="s">
        <v>651</v>
      </c>
      <c r="N146" s="55" t="s">
        <v>4</v>
      </c>
    </row>
    <row r="147" spans="3:14" ht="260.39999999999998" customHeight="1">
      <c r="C147" s="48">
        <v>159</v>
      </c>
      <c r="D147" s="49" t="s">
        <v>126</v>
      </c>
      <c r="E147" s="50" t="s">
        <v>1</v>
      </c>
      <c r="F147" s="50" t="s">
        <v>65</v>
      </c>
      <c r="G147" s="52" t="s">
        <v>546</v>
      </c>
      <c r="H147" s="52"/>
      <c r="I147" s="53" t="s">
        <v>583</v>
      </c>
      <c r="J147" s="49" t="s">
        <v>5</v>
      </c>
      <c r="K147" s="54"/>
      <c r="L147" s="55" t="s">
        <v>4</v>
      </c>
      <c r="M147" s="55" t="s">
        <v>4</v>
      </c>
      <c r="N147" s="55" t="s">
        <v>4</v>
      </c>
    </row>
    <row r="148" spans="3:14" ht="260.39999999999998" customHeight="1">
      <c r="C148" s="48">
        <v>160</v>
      </c>
      <c r="D148" s="49" t="s">
        <v>126</v>
      </c>
      <c r="E148" s="50" t="s">
        <v>1</v>
      </c>
      <c r="F148" s="50" t="s">
        <v>652</v>
      </c>
      <c r="G148" s="52" t="s">
        <v>653</v>
      </c>
      <c r="H148" s="52" t="s">
        <v>371</v>
      </c>
      <c r="I148" s="53" t="s">
        <v>371</v>
      </c>
      <c r="J148" s="49" t="s">
        <v>62</v>
      </c>
      <c r="K148" s="54" t="s">
        <v>654</v>
      </c>
      <c r="L148" s="55" t="s">
        <v>4</v>
      </c>
      <c r="M148" s="55" t="s">
        <v>655</v>
      </c>
      <c r="N148" s="55" t="s">
        <v>4</v>
      </c>
    </row>
    <row r="149" spans="3:14" ht="260.39999999999998" customHeight="1">
      <c r="C149" s="48">
        <v>161</v>
      </c>
      <c r="D149" s="49" t="s">
        <v>126</v>
      </c>
      <c r="E149" s="50" t="s">
        <v>1</v>
      </c>
      <c r="F149" s="50" t="s">
        <v>227</v>
      </c>
      <c r="G149" s="52" t="s">
        <v>597</v>
      </c>
      <c r="H149" s="52"/>
      <c r="I149" s="53"/>
      <c r="J149" s="49" t="s">
        <v>5</v>
      </c>
      <c r="K149" s="54"/>
      <c r="L149" s="55" t="s">
        <v>4</v>
      </c>
      <c r="M149" s="55" t="s">
        <v>656</v>
      </c>
      <c r="N149" s="55" t="s">
        <v>4</v>
      </c>
    </row>
    <row r="150" spans="3:14" ht="260.39999999999998" customHeight="1">
      <c r="C150" s="48">
        <v>162</v>
      </c>
      <c r="D150" s="49" t="s">
        <v>0</v>
      </c>
      <c r="E150" s="50" t="s">
        <v>1</v>
      </c>
      <c r="F150" s="50" t="s">
        <v>65</v>
      </c>
      <c r="G150" s="52" t="s">
        <v>558</v>
      </c>
      <c r="H150" s="52"/>
      <c r="I150" s="53"/>
      <c r="J150" s="49" t="s">
        <v>62</v>
      </c>
      <c r="K150" s="54"/>
      <c r="L150" s="55" t="s">
        <v>4</v>
      </c>
      <c r="M150" s="55" t="s">
        <v>657</v>
      </c>
      <c r="N150" s="55" t="s">
        <v>4</v>
      </c>
    </row>
    <row r="151" spans="3:14" ht="409.2" customHeight="1">
      <c r="C151" s="48">
        <v>163</v>
      </c>
      <c r="D151" s="49" t="s">
        <v>0</v>
      </c>
      <c r="E151" s="50" t="s">
        <v>29</v>
      </c>
      <c r="F151" s="50" t="s">
        <v>6</v>
      </c>
      <c r="G151" s="52" t="s">
        <v>543</v>
      </c>
      <c r="H151" s="60" t="s">
        <v>658</v>
      </c>
      <c r="I151" s="53" t="s">
        <v>659</v>
      </c>
      <c r="J151" s="49" t="s">
        <v>5</v>
      </c>
      <c r="K151" s="54" t="s">
        <v>660</v>
      </c>
      <c r="L151" s="55" t="s">
        <v>4</v>
      </c>
      <c r="M151" s="55" t="s">
        <v>661</v>
      </c>
      <c r="N151" s="55" t="s">
        <v>4</v>
      </c>
    </row>
    <row r="152" spans="3:14" ht="260.39999999999998" customHeight="1">
      <c r="C152" s="48">
        <v>164</v>
      </c>
      <c r="D152" s="49" t="s">
        <v>0</v>
      </c>
      <c r="E152" s="50" t="s">
        <v>29</v>
      </c>
      <c r="F152" s="50" t="s">
        <v>550</v>
      </c>
      <c r="G152" s="52" t="s">
        <v>662</v>
      </c>
      <c r="H152" s="52" t="s">
        <v>663</v>
      </c>
      <c r="I152" s="53" t="s">
        <v>664</v>
      </c>
      <c r="J152" s="49" t="s">
        <v>5</v>
      </c>
      <c r="K152" s="54" t="s">
        <v>665</v>
      </c>
      <c r="L152" s="55" t="s">
        <v>4</v>
      </c>
      <c r="M152" s="55" t="s">
        <v>4</v>
      </c>
      <c r="N152" s="61" t="s">
        <v>666</v>
      </c>
    </row>
    <row r="153" spans="3:14" ht="260.39999999999998" customHeight="1">
      <c r="C153" s="48">
        <v>165</v>
      </c>
      <c r="D153" s="49" t="s">
        <v>0</v>
      </c>
      <c r="E153" s="50" t="s">
        <v>1</v>
      </c>
      <c r="F153" s="50" t="s">
        <v>89</v>
      </c>
      <c r="G153" s="52" t="s">
        <v>667</v>
      </c>
      <c r="H153" s="52" t="s">
        <v>668</v>
      </c>
      <c r="I153" s="53" t="s">
        <v>669</v>
      </c>
      <c r="J153" s="49" t="s">
        <v>5</v>
      </c>
      <c r="K153" s="54"/>
      <c r="L153" s="55" t="s">
        <v>4</v>
      </c>
      <c r="M153" s="55" t="s">
        <v>670</v>
      </c>
      <c r="N153" s="55" t="s">
        <v>4</v>
      </c>
    </row>
    <row r="154" spans="3:14" ht="260.39999999999998" customHeight="1">
      <c r="C154" s="48">
        <v>166</v>
      </c>
      <c r="D154" s="49" t="s">
        <v>0</v>
      </c>
      <c r="E154" s="50" t="s">
        <v>1</v>
      </c>
      <c r="F154" s="50" t="s">
        <v>565</v>
      </c>
      <c r="G154" s="52" t="s">
        <v>546</v>
      </c>
      <c r="H154" s="52"/>
      <c r="I154" s="53"/>
      <c r="J154" s="49" t="s">
        <v>5</v>
      </c>
      <c r="K154" s="54" t="s">
        <v>671</v>
      </c>
      <c r="L154" s="97" t="s">
        <v>1486</v>
      </c>
      <c r="M154" s="55" t="s">
        <v>4</v>
      </c>
      <c r="N154" s="55" t="s">
        <v>4</v>
      </c>
    </row>
    <row r="155" spans="3:14" ht="260.39999999999998" customHeight="1">
      <c r="C155" s="48">
        <v>167</v>
      </c>
      <c r="D155" s="49" t="s">
        <v>126</v>
      </c>
      <c r="E155" s="50" t="s">
        <v>1</v>
      </c>
      <c r="F155" s="50" t="s">
        <v>65</v>
      </c>
      <c r="G155" s="52" t="s">
        <v>543</v>
      </c>
      <c r="H155" s="52"/>
      <c r="I155" s="53" t="s">
        <v>672</v>
      </c>
      <c r="J155" s="49" t="s">
        <v>5</v>
      </c>
      <c r="K155" s="54" t="s">
        <v>673</v>
      </c>
      <c r="L155" s="55" t="s">
        <v>4</v>
      </c>
      <c r="M155" s="55" t="s">
        <v>674</v>
      </c>
      <c r="N155" s="55" t="s">
        <v>4</v>
      </c>
    </row>
    <row r="156" spans="3:14" ht="260.39999999999998" customHeight="1">
      <c r="C156" s="48">
        <v>168</v>
      </c>
      <c r="D156" s="49" t="s">
        <v>0</v>
      </c>
      <c r="E156" s="50" t="s">
        <v>33</v>
      </c>
      <c r="F156" s="50" t="s">
        <v>77</v>
      </c>
      <c r="G156" s="52" t="s">
        <v>597</v>
      </c>
      <c r="H156" s="52"/>
      <c r="I156" s="53" t="s">
        <v>675</v>
      </c>
      <c r="J156" s="49" t="s">
        <v>5</v>
      </c>
      <c r="K156" s="54" t="s">
        <v>676</v>
      </c>
      <c r="L156" s="55" t="s">
        <v>4</v>
      </c>
      <c r="M156" s="55" t="s">
        <v>4</v>
      </c>
      <c r="N156" s="55" t="s">
        <v>4</v>
      </c>
    </row>
    <row r="157" spans="3:14" ht="260.39999999999998" customHeight="1">
      <c r="C157" s="48">
        <v>169</v>
      </c>
      <c r="D157" s="49" t="s">
        <v>0</v>
      </c>
      <c r="E157" s="50" t="s">
        <v>1</v>
      </c>
      <c r="F157" s="50" t="s">
        <v>565</v>
      </c>
      <c r="G157" s="52" t="s">
        <v>597</v>
      </c>
      <c r="H157" s="52"/>
      <c r="I157" s="53" t="s">
        <v>677</v>
      </c>
      <c r="J157" s="49" t="s">
        <v>5</v>
      </c>
      <c r="K157" s="54" t="s">
        <v>678</v>
      </c>
      <c r="L157" s="55" t="s">
        <v>4</v>
      </c>
      <c r="M157" s="55" t="s">
        <v>679</v>
      </c>
      <c r="N157" s="55" t="s">
        <v>4</v>
      </c>
    </row>
    <row r="158" spans="3:14" ht="260.39999999999998" customHeight="1">
      <c r="C158" s="48">
        <v>170</v>
      </c>
      <c r="D158" s="49" t="s">
        <v>0</v>
      </c>
      <c r="E158" s="50" t="s">
        <v>1</v>
      </c>
      <c r="F158" s="50" t="s">
        <v>6</v>
      </c>
      <c r="G158" s="52" t="s">
        <v>680</v>
      </c>
      <c r="H158" s="52" t="s">
        <v>35</v>
      </c>
      <c r="I158" s="53" t="s">
        <v>681</v>
      </c>
      <c r="J158" s="49" t="s">
        <v>5</v>
      </c>
      <c r="K158" s="54" t="s">
        <v>682</v>
      </c>
      <c r="L158" s="55" t="s">
        <v>4</v>
      </c>
      <c r="M158" s="55" t="s">
        <v>683</v>
      </c>
      <c r="N158" s="55" t="s">
        <v>4</v>
      </c>
    </row>
    <row r="159" spans="3:14" ht="260.39999999999998" customHeight="1">
      <c r="C159" s="48">
        <v>171</v>
      </c>
      <c r="D159" s="49" t="s">
        <v>126</v>
      </c>
      <c r="E159" s="50" t="s">
        <v>1</v>
      </c>
      <c r="F159" s="50" t="s">
        <v>6</v>
      </c>
      <c r="G159" s="52" t="s">
        <v>558</v>
      </c>
      <c r="H159" s="52" t="s">
        <v>684</v>
      </c>
      <c r="I159" s="53" t="s">
        <v>584</v>
      </c>
      <c r="J159" s="49" t="s">
        <v>62</v>
      </c>
      <c r="K159" s="54"/>
      <c r="L159" s="55" t="s">
        <v>4</v>
      </c>
      <c r="M159" s="55" t="s">
        <v>4</v>
      </c>
      <c r="N159" s="55" t="s">
        <v>4</v>
      </c>
    </row>
    <row r="160" spans="3:14" ht="260.39999999999998" customHeight="1">
      <c r="C160" s="48">
        <v>172</v>
      </c>
      <c r="D160" s="49" t="s">
        <v>0</v>
      </c>
      <c r="E160" s="50" t="s">
        <v>1</v>
      </c>
      <c r="F160" s="50" t="s">
        <v>6</v>
      </c>
      <c r="G160" s="52" t="s">
        <v>695</v>
      </c>
      <c r="H160" s="52"/>
      <c r="I160" s="53" t="s">
        <v>544</v>
      </c>
      <c r="J160" s="49" t="s">
        <v>5</v>
      </c>
      <c r="K160" s="54" t="s">
        <v>696</v>
      </c>
      <c r="L160" s="97" t="s">
        <v>1487</v>
      </c>
      <c r="M160" s="55" t="s">
        <v>4</v>
      </c>
      <c r="N160" s="55" t="s">
        <v>4</v>
      </c>
    </row>
    <row r="161" spans="3:14" ht="260.39999999999998" customHeight="1">
      <c r="C161" s="48">
        <v>174</v>
      </c>
      <c r="D161" s="49" t="s">
        <v>0</v>
      </c>
      <c r="E161" s="50" t="s">
        <v>33</v>
      </c>
      <c r="F161" s="50" t="s">
        <v>6</v>
      </c>
      <c r="G161" s="52" t="s">
        <v>618</v>
      </c>
      <c r="H161" s="52" t="s">
        <v>4</v>
      </c>
      <c r="I161" s="53" t="s">
        <v>710</v>
      </c>
      <c r="J161" s="49" t="s">
        <v>5</v>
      </c>
      <c r="K161" s="54" t="s">
        <v>4</v>
      </c>
      <c r="L161" s="55" t="s">
        <v>4</v>
      </c>
      <c r="M161" s="55" t="s">
        <v>4</v>
      </c>
      <c r="N161" s="55" t="s">
        <v>4</v>
      </c>
    </row>
    <row r="162" spans="3:14" ht="260.39999999999998" customHeight="1">
      <c r="C162" s="48">
        <v>175</v>
      </c>
      <c r="D162" s="49" t="s">
        <v>0</v>
      </c>
      <c r="E162" s="50" t="s">
        <v>16</v>
      </c>
      <c r="F162" s="50" t="s">
        <v>6</v>
      </c>
      <c r="G162" s="52" t="s">
        <v>19</v>
      </c>
      <c r="H162" s="52" t="s">
        <v>711</v>
      </c>
      <c r="I162" s="53" t="s">
        <v>712</v>
      </c>
      <c r="J162" s="49" t="s">
        <v>5</v>
      </c>
      <c r="K162" s="54" t="s">
        <v>713</v>
      </c>
      <c r="L162" s="55" t="s">
        <v>4</v>
      </c>
      <c r="M162" s="71" t="s">
        <v>714</v>
      </c>
      <c r="N162" s="55" t="s">
        <v>4</v>
      </c>
    </row>
    <row r="163" spans="3:14" ht="409.6" customHeight="1">
      <c r="C163" s="48">
        <v>178</v>
      </c>
      <c r="D163" s="49" t="s">
        <v>126</v>
      </c>
      <c r="E163" s="50" t="s">
        <v>11</v>
      </c>
      <c r="F163" s="50" t="s">
        <v>702</v>
      </c>
      <c r="G163" s="52" t="s">
        <v>361</v>
      </c>
      <c r="H163" s="52" t="s">
        <v>715</v>
      </c>
      <c r="I163" s="53" t="s">
        <v>716</v>
      </c>
      <c r="J163" s="49" t="s">
        <v>5</v>
      </c>
      <c r="K163" s="54" t="s">
        <v>717</v>
      </c>
      <c r="L163" s="55" t="s">
        <v>4</v>
      </c>
      <c r="M163" s="55" t="s">
        <v>4</v>
      </c>
      <c r="N163" s="55" t="s">
        <v>4</v>
      </c>
    </row>
    <row r="164" spans="3:14" ht="115.2" customHeight="1">
      <c r="C164" s="48">
        <v>180</v>
      </c>
      <c r="D164" s="49" t="s">
        <v>0</v>
      </c>
      <c r="E164" s="50" t="s">
        <v>33</v>
      </c>
      <c r="F164" s="50" t="s">
        <v>77</v>
      </c>
      <c r="G164" s="52" t="s">
        <v>724</v>
      </c>
      <c r="H164" s="52" t="s">
        <v>625</v>
      </c>
      <c r="I164" s="53" t="s">
        <v>822</v>
      </c>
      <c r="J164" s="49" t="s">
        <v>5</v>
      </c>
      <c r="K164" s="54" t="s">
        <v>4</v>
      </c>
      <c r="L164" s="55" t="s">
        <v>4</v>
      </c>
      <c r="M164" s="55" t="s">
        <v>725</v>
      </c>
      <c r="N164" s="56" t="s">
        <v>4</v>
      </c>
    </row>
    <row r="165" spans="3:14" ht="346.2" customHeight="1">
      <c r="C165" s="48">
        <v>182</v>
      </c>
      <c r="D165" s="49" t="s">
        <v>0</v>
      </c>
      <c r="E165" s="50" t="s">
        <v>16</v>
      </c>
      <c r="F165" s="50" t="s">
        <v>726</v>
      </c>
      <c r="G165" s="52" t="s">
        <v>727</v>
      </c>
      <c r="H165" s="52" t="s">
        <v>728</v>
      </c>
      <c r="I165" s="53" t="s">
        <v>797</v>
      </c>
      <c r="J165" s="49" t="s">
        <v>62</v>
      </c>
      <c r="K165" s="54" t="s">
        <v>810</v>
      </c>
      <c r="L165" s="55" t="s">
        <v>4</v>
      </c>
      <c r="M165" s="55" t="s">
        <v>729</v>
      </c>
      <c r="N165" s="56" t="s">
        <v>4</v>
      </c>
    </row>
    <row r="166" spans="3:14" ht="110.4" customHeight="1">
      <c r="C166" s="48">
        <v>183</v>
      </c>
      <c r="D166" s="49" t="s">
        <v>0</v>
      </c>
      <c r="E166" s="50" t="s">
        <v>1</v>
      </c>
      <c r="F166" s="50" t="s">
        <v>44</v>
      </c>
      <c r="G166" s="52" t="s">
        <v>730</v>
      </c>
      <c r="H166" s="52" t="s">
        <v>731</v>
      </c>
      <c r="I166" s="53" t="s">
        <v>798</v>
      </c>
      <c r="J166" s="49" t="s">
        <v>5</v>
      </c>
      <c r="K166" s="54" t="s">
        <v>4</v>
      </c>
      <c r="L166" s="55" t="s">
        <v>732</v>
      </c>
      <c r="M166" s="55" t="s">
        <v>4</v>
      </c>
      <c r="N166" s="56" t="s">
        <v>4</v>
      </c>
    </row>
    <row r="167" spans="3:14" ht="79.8" customHeight="1">
      <c r="C167" s="48">
        <v>184</v>
      </c>
      <c r="D167" s="49" t="s">
        <v>126</v>
      </c>
      <c r="E167" s="50" t="s">
        <v>1</v>
      </c>
      <c r="F167" s="50" t="s">
        <v>733</v>
      </c>
      <c r="G167" s="52" t="s">
        <v>586</v>
      </c>
      <c r="H167" s="52" t="s">
        <v>734</v>
      </c>
      <c r="I167" s="53" t="s">
        <v>799</v>
      </c>
      <c r="J167" s="49" t="s">
        <v>62</v>
      </c>
      <c r="K167" s="54" t="s">
        <v>4</v>
      </c>
      <c r="L167" s="55" t="s">
        <v>4</v>
      </c>
      <c r="M167" s="55" t="s">
        <v>735</v>
      </c>
      <c r="N167" s="56" t="s">
        <v>4</v>
      </c>
    </row>
    <row r="168" spans="3:14" ht="297.60000000000002" customHeight="1">
      <c r="C168" s="48">
        <v>185</v>
      </c>
      <c r="D168" s="49" t="s">
        <v>0</v>
      </c>
      <c r="E168" s="50" t="s">
        <v>33</v>
      </c>
      <c r="F168" s="50" t="s">
        <v>289</v>
      </c>
      <c r="G168" s="52" t="s">
        <v>736</v>
      </c>
      <c r="H168" s="52" t="s">
        <v>824</v>
      </c>
      <c r="I168" s="53" t="s">
        <v>823</v>
      </c>
      <c r="J168" s="49" t="s">
        <v>5</v>
      </c>
      <c r="K168" s="54" t="s">
        <v>811</v>
      </c>
      <c r="L168" s="55" t="s">
        <v>4</v>
      </c>
      <c r="M168" s="55" t="s">
        <v>737</v>
      </c>
      <c r="N168" s="56" t="s">
        <v>4</v>
      </c>
    </row>
    <row r="169" spans="3:14" ht="60" customHeight="1">
      <c r="C169" s="48">
        <v>186</v>
      </c>
      <c r="D169" s="49" t="s">
        <v>0</v>
      </c>
      <c r="E169" s="50" t="s">
        <v>266</v>
      </c>
      <c r="F169" s="50" t="s">
        <v>233</v>
      </c>
      <c r="G169" s="52" t="s">
        <v>738</v>
      </c>
      <c r="H169" s="52" t="s">
        <v>739</v>
      </c>
      <c r="I169" s="53" t="s">
        <v>800</v>
      </c>
      <c r="J169" s="49" t="s">
        <v>62</v>
      </c>
      <c r="K169" s="54" t="s">
        <v>4</v>
      </c>
      <c r="L169" s="55" t="s">
        <v>4</v>
      </c>
      <c r="M169" s="55" t="s">
        <v>740</v>
      </c>
      <c r="N169" s="56" t="s">
        <v>4</v>
      </c>
    </row>
    <row r="170" spans="3:14" ht="213.6" customHeight="1">
      <c r="C170" s="48">
        <v>187</v>
      </c>
      <c r="D170" s="49" t="s">
        <v>0</v>
      </c>
      <c r="E170" s="50" t="s">
        <v>16</v>
      </c>
      <c r="F170" s="50" t="s">
        <v>302</v>
      </c>
      <c r="G170" s="52" t="s">
        <v>421</v>
      </c>
      <c r="H170" s="52" t="s">
        <v>741</v>
      </c>
      <c r="I170" s="53" t="s">
        <v>801</v>
      </c>
      <c r="J170" s="49" t="s">
        <v>5</v>
      </c>
      <c r="K170" s="54" t="s">
        <v>812</v>
      </c>
      <c r="L170" s="55" t="s">
        <v>4</v>
      </c>
      <c r="M170" s="55" t="s">
        <v>742</v>
      </c>
      <c r="N170" s="56" t="s">
        <v>4</v>
      </c>
    </row>
    <row r="171" spans="3:14" ht="79.95" customHeight="1">
      <c r="C171" s="48">
        <v>188</v>
      </c>
      <c r="D171" s="49" t="s">
        <v>0</v>
      </c>
      <c r="E171" s="50" t="s">
        <v>29</v>
      </c>
      <c r="F171" s="50" t="s">
        <v>44</v>
      </c>
      <c r="G171" s="52" t="s">
        <v>743</v>
      </c>
      <c r="H171" s="52" t="s">
        <v>744</v>
      </c>
      <c r="I171" s="53"/>
      <c r="J171" s="49" t="s">
        <v>5</v>
      </c>
      <c r="K171" s="54" t="s">
        <v>4</v>
      </c>
      <c r="L171" s="55" t="s">
        <v>4</v>
      </c>
      <c r="M171" s="55" t="s">
        <v>4</v>
      </c>
      <c r="N171" s="56" t="s">
        <v>4</v>
      </c>
    </row>
    <row r="172" spans="3:14" ht="79.95" customHeight="1">
      <c r="C172" s="48">
        <v>189</v>
      </c>
      <c r="D172" s="49" t="s">
        <v>0</v>
      </c>
      <c r="E172" s="50" t="s">
        <v>33</v>
      </c>
      <c r="F172" s="50" t="s">
        <v>745</v>
      </c>
      <c r="G172" s="52" t="s">
        <v>7</v>
      </c>
      <c r="H172" s="52" t="s">
        <v>746</v>
      </c>
      <c r="I172" s="53"/>
      <c r="J172" s="49" t="s">
        <v>62</v>
      </c>
      <c r="K172" s="54" t="s">
        <v>4</v>
      </c>
      <c r="L172" s="55" t="s">
        <v>4</v>
      </c>
      <c r="M172" s="55" t="s">
        <v>4</v>
      </c>
      <c r="N172" s="56" t="s">
        <v>4</v>
      </c>
    </row>
    <row r="173" spans="3:14" ht="227.4" customHeight="1">
      <c r="C173" s="48">
        <v>190</v>
      </c>
      <c r="D173" s="49" t="s">
        <v>0</v>
      </c>
      <c r="E173" s="50" t="s">
        <v>33</v>
      </c>
      <c r="F173" s="50" t="s">
        <v>302</v>
      </c>
      <c r="G173" s="52" t="s">
        <v>747</v>
      </c>
      <c r="H173" s="52" t="s">
        <v>825</v>
      </c>
      <c r="I173" s="53" t="s">
        <v>802</v>
      </c>
      <c r="J173" s="49" t="s">
        <v>5</v>
      </c>
      <c r="K173" s="54" t="s">
        <v>840</v>
      </c>
      <c r="L173" s="55" t="s">
        <v>4</v>
      </c>
      <c r="M173" s="55" t="s">
        <v>748</v>
      </c>
      <c r="N173" s="56" t="s">
        <v>4</v>
      </c>
    </row>
    <row r="174" spans="3:14" ht="79.95" customHeight="1">
      <c r="C174" s="48">
        <v>191</v>
      </c>
      <c r="D174" s="49" t="s">
        <v>0</v>
      </c>
      <c r="E174" s="50" t="s">
        <v>16</v>
      </c>
      <c r="F174" s="50" t="s">
        <v>302</v>
      </c>
      <c r="G174" s="52" t="s">
        <v>749</v>
      </c>
      <c r="H174" s="52" t="s">
        <v>750</v>
      </c>
      <c r="I174" s="53" t="s">
        <v>4</v>
      </c>
      <c r="J174" s="49" t="s">
        <v>5</v>
      </c>
      <c r="K174" s="54" t="s">
        <v>4</v>
      </c>
      <c r="L174" s="55" t="s">
        <v>751</v>
      </c>
      <c r="M174" s="55" t="s">
        <v>752</v>
      </c>
      <c r="N174" s="56" t="s">
        <v>4</v>
      </c>
    </row>
    <row r="175" spans="3:14" ht="154.80000000000001" customHeight="1">
      <c r="C175" s="48">
        <v>192</v>
      </c>
      <c r="D175" s="49" t="s">
        <v>0</v>
      </c>
      <c r="E175" s="50" t="s">
        <v>33</v>
      </c>
      <c r="F175" s="50" t="s">
        <v>289</v>
      </c>
      <c r="G175" s="52" t="s">
        <v>753</v>
      </c>
      <c r="H175" s="52" t="s">
        <v>754</v>
      </c>
      <c r="I175" s="53" t="s">
        <v>826</v>
      </c>
      <c r="J175" s="49" t="s">
        <v>62</v>
      </c>
      <c r="K175" s="54" t="s">
        <v>813</v>
      </c>
      <c r="L175" s="55" t="s">
        <v>4</v>
      </c>
      <c r="M175" s="55" t="s">
        <v>4</v>
      </c>
      <c r="N175" s="56" t="s">
        <v>4</v>
      </c>
    </row>
    <row r="176" spans="3:14" ht="318" customHeight="1">
      <c r="C176" s="48">
        <v>193</v>
      </c>
      <c r="D176" s="49" t="s">
        <v>0</v>
      </c>
      <c r="E176" s="50" t="s">
        <v>33</v>
      </c>
      <c r="F176" s="50" t="s">
        <v>44</v>
      </c>
      <c r="G176" s="52" t="s">
        <v>755</v>
      </c>
      <c r="H176" s="52" t="s">
        <v>756</v>
      </c>
      <c r="I176" s="53" t="s">
        <v>803</v>
      </c>
      <c r="J176" s="49" t="s">
        <v>5</v>
      </c>
      <c r="K176" s="54" t="s">
        <v>814</v>
      </c>
      <c r="L176" s="55" t="s">
        <v>4</v>
      </c>
      <c r="M176" s="55" t="s">
        <v>757</v>
      </c>
      <c r="N176" s="56" t="s">
        <v>4</v>
      </c>
    </row>
    <row r="177" spans="1:14" ht="108" customHeight="1">
      <c r="C177" s="48">
        <v>194</v>
      </c>
      <c r="D177" s="49" t="s">
        <v>126</v>
      </c>
      <c r="E177" s="50" t="s">
        <v>266</v>
      </c>
      <c r="F177" s="50" t="s">
        <v>233</v>
      </c>
      <c r="G177" s="52" t="s">
        <v>758</v>
      </c>
      <c r="H177" s="52" t="s">
        <v>827</v>
      </c>
      <c r="I177" s="53" t="s">
        <v>828</v>
      </c>
      <c r="J177" s="49" t="s">
        <v>5</v>
      </c>
      <c r="K177" s="54" t="s">
        <v>815</v>
      </c>
      <c r="L177" s="55" t="s">
        <v>4</v>
      </c>
      <c r="M177" s="55" t="s">
        <v>759</v>
      </c>
      <c r="N177" s="56" t="s">
        <v>4</v>
      </c>
    </row>
    <row r="178" spans="1:14" ht="364.2" customHeight="1">
      <c r="C178" s="48">
        <v>195</v>
      </c>
      <c r="D178" s="49" t="s">
        <v>0</v>
      </c>
      <c r="E178" s="50" t="s">
        <v>29</v>
      </c>
      <c r="F178" s="50" t="s">
        <v>760</v>
      </c>
      <c r="G178" s="52" t="s">
        <v>74</v>
      </c>
      <c r="H178" s="52" t="s">
        <v>829</v>
      </c>
      <c r="I178" s="53" t="s">
        <v>830</v>
      </c>
      <c r="J178" s="49" t="s">
        <v>5</v>
      </c>
      <c r="K178" s="54" t="s">
        <v>841</v>
      </c>
      <c r="L178" s="55" t="s">
        <v>761</v>
      </c>
      <c r="M178" s="55" t="s">
        <v>762</v>
      </c>
      <c r="N178" s="56" t="s">
        <v>4</v>
      </c>
    </row>
    <row r="179" spans="1:14" ht="398.4" customHeight="1">
      <c r="C179" s="48">
        <v>196</v>
      </c>
      <c r="D179" s="49" t="s">
        <v>0</v>
      </c>
      <c r="E179" s="50" t="s">
        <v>33</v>
      </c>
      <c r="F179" s="50" t="s">
        <v>763</v>
      </c>
      <c r="G179" s="52" t="s">
        <v>764</v>
      </c>
      <c r="H179" s="52" t="s">
        <v>831</v>
      </c>
      <c r="I179" s="53" t="s">
        <v>832</v>
      </c>
      <c r="J179" s="49" t="s">
        <v>5</v>
      </c>
      <c r="K179" s="73" t="s">
        <v>842</v>
      </c>
      <c r="L179" s="55" t="s">
        <v>4</v>
      </c>
      <c r="M179" s="55" t="s">
        <v>4</v>
      </c>
      <c r="N179" s="56" t="s">
        <v>4</v>
      </c>
    </row>
    <row r="180" spans="1:14" ht="79.95" customHeight="1">
      <c r="C180" s="48">
        <v>197</v>
      </c>
      <c r="D180" s="49" t="s">
        <v>126</v>
      </c>
      <c r="E180" s="50" t="s">
        <v>11</v>
      </c>
      <c r="F180" s="50" t="s">
        <v>289</v>
      </c>
      <c r="G180" s="52" t="s">
        <v>765</v>
      </c>
      <c r="H180" s="52" t="s">
        <v>4</v>
      </c>
      <c r="I180" s="53" t="s">
        <v>4</v>
      </c>
      <c r="J180" s="49" t="s">
        <v>5</v>
      </c>
      <c r="K180" s="54" t="s">
        <v>4</v>
      </c>
      <c r="L180" s="55" t="s">
        <v>4</v>
      </c>
      <c r="M180" s="55" t="s">
        <v>4</v>
      </c>
      <c r="N180" s="56" t="s">
        <v>4</v>
      </c>
    </row>
    <row r="181" spans="1:14" ht="79.95" customHeight="1">
      <c r="C181" s="48">
        <v>198</v>
      </c>
      <c r="D181" s="49" t="s">
        <v>0</v>
      </c>
      <c r="E181" s="50" t="s">
        <v>29</v>
      </c>
      <c r="F181" s="50" t="s">
        <v>233</v>
      </c>
      <c r="G181" s="52" t="s">
        <v>766</v>
      </c>
      <c r="H181" s="52" t="s">
        <v>833</v>
      </c>
      <c r="I181" s="53" t="s">
        <v>4</v>
      </c>
      <c r="J181" s="49" t="s">
        <v>62</v>
      </c>
      <c r="K181" s="54" t="s">
        <v>4</v>
      </c>
      <c r="L181" s="55" t="s">
        <v>4</v>
      </c>
      <c r="M181" s="55" t="s">
        <v>767</v>
      </c>
      <c r="N181" s="56" t="s">
        <v>4</v>
      </c>
    </row>
    <row r="182" spans="1:14" ht="79.95" customHeight="1">
      <c r="C182" s="48">
        <v>199</v>
      </c>
      <c r="D182" s="49" t="s">
        <v>0</v>
      </c>
      <c r="E182" s="50" t="s">
        <v>29</v>
      </c>
      <c r="F182" s="50" t="s">
        <v>404</v>
      </c>
      <c r="G182" s="52" t="s">
        <v>768</v>
      </c>
      <c r="H182" s="52" t="s">
        <v>4</v>
      </c>
      <c r="I182" s="53" t="s">
        <v>804</v>
      </c>
      <c r="J182" s="49" t="s">
        <v>5</v>
      </c>
      <c r="K182" s="54" t="s">
        <v>4</v>
      </c>
      <c r="L182" s="55" t="s">
        <v>4</v>
      </c>
      <c r="M182" s="55" t="s">
        <v>769</v>
      </c>
      <c r="N182" s="56" t="s">
        <v>4</v>
      </c>
    </row>
    <row r="183" spans="1:14" ht="79.95" customHeight="1">
      <c r="C183" s="48">
        <v>200</v>
      </c>
      <c r="D183" s="49" t="s">
        <v>0</v>
      </c>
      <c r="E183" s="50" t="s">
        <v>33</v>
      </c>
      <c r="F183" s="50" t="s">
        <v>233</v>
      </c>
      <c r="G183" s="52" t="s">
        <v>350</v>
      </c>
      <c r="H183" s="52" t="s">
        <v>4</v>
      </c>
      <c r="I183" s="53" t="s">
        <v>4</v>
      </c>
      <c r="J183" s="49" t="s">
        <v>5</v>
      </c>
      <c r="K183" s="54" t="s">
        <v>4</v>
      </c>
      <c r="L183" s="55" t="s">
        <v>4</v>
      </c>
      <c r="M183" s="55" t="s">
        <v>4</v>
      </c>
      <c r="N183" s="56" t="s">
        <v>4</v>
      </c>
    </row>
    <row r="184" spans="1:14" ht="79.95" customHeight="1">
      <c r="C184" s="48">
        <v>201</v>
      </c>
      <c r="D184" s="49" t="s">
        <v>0</v>
      </c>
      <c r="E184" s="50" t="s">
        <v>266</v>
      </c>
      <c r="F184" s="50" t="s">
        <v>770</v>
      </c>
      <c r="G184" s="52" t="s">
        <v>12</v>
      </c>
      <c r="H184" s="52" t="s">
        <v>834</v>
      </c>
      <c r="I184" s="53" t="s">
        <v>4</v>
      </c>
      <c r="J184" s="49" t="s">
        <v>62</v>
      </c>
      <c r="K184" s="54" t="s">
        <v>4</v>
      </c>
      <c r="L184" s="55" t="s">
        <v>771</v>
      </c>
      <c r="M184" s="55" t="s">
        <v>4</v>
      </c>
      <c r="N184" s="56" t="s">
        <v>4</v>
      </c>
    </row>
    <row r="185" spans="1:14" ht="79.95" customHeight="1">
      <c r="C185" s="48">
        <v>202</v>
      </c>
      <c r="D185" s="49" t="s">
        <v>126</v>
      </c>
      <c r="E185" s="50" t="s">
        <v>29</v>
      </c>
      <c r="F185" s="50" t="s">
        <v>297</v>
      </c>
      <c r="G185" s="52" t="s">
        <v>7</v>
      </c>
      <c r="H185" s="52" t="s">
        <v>772</v>
      </c>
      <c r="I185" s="53" t="s">
        <v>4</v>
      </c>
      <c r="J185" s="49" t="s">
        <v>62</v>
      </c>
      <c r="K185" s="54" t="s">
        <v>4</v>
      </c>
      <c r="L185" s="55" t="s">
        <v>4</v>
      </c>
      <c r="M185" s="55" t="s">
        <v>4</v>
      </c>
      <c r="N185" s="56" t="s">
        <v>4</v>
      </c>
    </row>
    <row r="186" spans="1:14" ht="79.95" customHeight="1">
      <c r="C186" s="48">
        <v>203</v>
      </c>
      <c r="D186" s="49" t="s">
        <v>0</v>
      </c>
      <c r="E186" s="50" t="s">
        <v>266</v>
      </c>
      <c r="F186" s="50" t="s">
        <v>297</v>
      </c>
      <c r="G186" s="52" t="s">
        <v>7</v>
      </c>
      <c r="H186" s="52" t="s">
        <v>4</v>
      </c>
      <c r="I186" s="53" t="s">
        <v>4</v>
      </c>
      <c r="J186" s="49" t="s">
        <v>62</v>
      </c>
      <c r="K186" s="54" t="s">
        <v>4</v>
      </c>
      <c r="L186" s="55" t="s">
        <v>4</v>
      </c>
      <c r="M186" s="55" t="s">
        <v>4</v>
      </c>
      <c r="N186" s="56" t="s">
        <v>4</v>
      </c>
    </row>
    <row r="187" spans="1:14" ht="79.95" customHeight="1">
      <c r="C187" s="48">
        <v>204</v>
      </c>
      <c r="D187" s="49" t="s">
        <v>0</v>
      </c>
      <c r="E187" s="50" t="s">
        <v>33</v>
      </c>
      <c r="F187" s="50" t="s">
        <v>289</v>
      </c>
      <c r="G187" s="52" t="s">
        <v>12</v>
      </c>
      <c r="H187" s="52" t="s">
        <v>4</v>
      </c>
      <c r="I187" s="53" t="s">
        <v>4</v>
      </c>
      <c r="J187" s="49" t="s">
        <v>62</v>
      </c>
      <c r="K187" s="54" t="s">
        <v>4</v>
      </c>
      <c r="L187" s="55" t="s">
        <v>4</v>
      </c>
      <c r="M187" s="55" t="s">
        <v>4</v>
      </c>
      <c r="N187" s="56" t="s">
        <v>4</v>
      </c>
    </row>
    <row r="188" spans="1:14" ht="79.95" customHeight="1">
      <c r="C188" s="48">
        <v>205</v>
      </c>
      <c r="D188" s="49" t="s">
        <v>0</v>
      </c>
      <c r="E188" s="50" t="s">
        <v>33</v>
      </c>
      <c r="F188" s="50" t="s">
        <v>6</v>
      </c>
      <c r="G188" s="52" t="s">
        <v>773</v>
      </c>
      <c r="H188" s="52" t="s">
        <v>4</v>
      </c>
      <c r="I188" s="53" t="s">
        <v>4</v>
      </c>
      <c r="J188" s="49" t="s">
        <v>5</v>
      </c>
      <c r="K188" s="54" t="s">
        <v>4</v>
      </c>
      <c r="L188" s="55" t="s">
        <v>4</v>
      </c>
      <c r="M188" s="55" t="s">
        <v>774</v>
      </c>
      <c r="N188" s="56" t="s">
        <v>4</v>
      </c>
    </row>
    <row r="189" spans="1:14" ht="119.4" customHeight="1">
      <c r="C189" s="48">
        <v>206</v>
      </c>
      <c r="D189" s="49" t="s">
        <v>0</v>
      </c>
      <c r="E189" s="50" t="s">
        <v>266</v>
      </c>
      <c r="F189" s="50" t="s">
        <v>775</v>
      </c>
      <c r="G189" s="52" t="s">
        <v>347</v>
      </c>
      <c r="H189" s="52" t="s">
        <v>835</v>
      </c>
      <c r="I189" s="53" t="s">
        <v>805</v>
      </c>
      <c r="J189" s="49" t="s">
        <v>62</v>
      </c>
      <c r="K189" s="54" t="s">
        <v>4</v>
      </c>
      <c r="L189" s="55" t="s">
        <v>776</v>
      </c>
      <c r="M189" s="55" t="s">
        <v>777</v>
      </c>
      <c r="N189" s="56" t="s">
        <v>4</v>
      </c>
    </row>
    <row r="190" spans="1:14" ht="178.2" customHeight="1">
      <c r="C190" s="48">
        <v>207</v>
      </c>
      <c r="D190" s="49" t="s">
        <v>0</v>
      </c>
      <c r="E190" s="50" t="s">
        <v>33</v>
      </c>
      <c r="F190" s="50" t="s">
        <v>289</v>
      </c>
      <c r="G190" s="52" t="s">
        <v>778</v>
      </c>
      <c r="H190" s="52" t="s">
        <v>779</v>
      </c>
      <c r="I190" s="53" t="s">
        <v>806</v>
      </c>
      <c r="J190" s="49" t="s">
        <v>5</v>
      </c>
      <c r="K190" s="54" t="s">
        <v>843</v>
      </c>
      <c r="L190" s="55" t="s">
        <v>780</v>
      </c>
      <c r="M190" s="55" t="s">
        <v>781</v>
      </c>
      <c r="N190" s="56" t="s">
        <v>4</v>
      </c>
    </row>
    <row r="191" spans="1:14" ht="249.6" customHeight="1">
      <c r="C191" s="48">
        <v>208</v>
      </c>
      <c r="D191" s="49" t="s">
        <v>0</v>
      </c>
      <c r="E191" s="50" t="s">
        <v>29</v>
      </c>
      <c r="F191" s="50" t="s">
        <v>289</v>
      </c>
      <c r="G191" s="52" t="s">
        <v>782</v>
      </c>
      <c r="H191" s="52" t="s">
        <v>836</v>
      </c>
      <c r="I191" s="53" t="s">
        <v>837</v>
      </c>
      <c r="J191" s="49" t="s">
        <v>5</v>
      </c>
      <c r="K191" s="54" t="s">
        <v>4</v>
      </c>
      <c r="L191" s="55" t="s">
        <v>4</v>
      </c>
      <c r="M191" s="55" t="s">
        <v>783</v>
      </c>
      <c r="N191" s="56" t="s">
        <v>4</v>
      </c>
    </row>
    <row r="192" spans="1:14" ht="79.95" customHeight="1">
      <c r="A192" s="74"/>
      <c r="B192" s="74"/>
      <c r="C192" s="75">
        <v>209</v>
      </c>
      <c r="D192" s="76" t="s">
        <v>0</v>
      </c>
      <c r="E192" s="77" t="s">
        <v>29</v>
      </c>
      <c r="F192" s="77" t="s">
        <v>364</v>
      </c>
      <c r="G192" s="78" t="s">
        <v>784</v>
      </c>
      <c r="H192" s="78" t="s">
        <v>4</v>
      </c>
      <c r="I192" s="79" t="s">
        <v>785</v>
      </c>
      <c r="J192" s="76" t="s">
        <v>5</v>
      </c>
      <c r="K192" s="80" t="s">
        <v>816</v>
      </c>
      <c r="L192" s="81" t="s">
        <v>4</v>
      </c>
      <c r="M192" s="81" t="s">
        <v>4</v>
      </c>
      <c r="N192" s="82" t="s">
        <v>4</v>
      </c>
    </row>
    <row r="193" spans="1:14" ht="334.8" customHeight="1">
      <c r="A193" s="74"/>
      <c r="B193" s="74"/>
      <c r="C193" s="75">
        <v>210</v>
      </c>
      <c r="D193" s="76" t="s">
        <v>0</v>
      </c>
      <c r="E193" s="77" t="s">
        <v>29</v>
      </c>
      <c r="F193" s="77" t="s">
        <v>404</v>
      </c>
      <c r="G193" s="78" t="s">
        <v>786</v>
      </c>
      <c r="H193" s="78" t="s">
        <v>787</v>
      </c>
      <c r="I193" s="79" t="s">
        <v>838</v>
      </c>
      <c r="J193" s="76" t="s">
        <v>844</v>
      </c>
      <c r="K193" s="83" t="s">
        <v>845</v>
      </c>
      <c r="L193" s="81" t="s">
        <v>4</v>
      </c>
      <c r="M193" s="81" t="s">
        <v>788</v>
      </c>
      <c r="N193" s="82" t="s">
        <v>4</v>
      </c>
    </row>
    <row r="194" spans="1:14" ht="196.2" customHeight="1">
      <c r="A194" s="74"/>
      <c r="B194" s="74"/>
      <c r="C194" s="75">
        <v>211</v>
      </c>
      <c r="D194" s="76" t="s">
        <v>0</v>
      </c>
      <c r="E194" s="77" t="s">
        <v>16</v>
      </c>
      <c r="F194" s="77" t="s">
        <v>44</v>
      </c>
      <c r="G194" s="78" t="s">
        <v>789</v>
      </c>
      <c r="H194" s="78" t="s">
        <v>790</v>
      </c>
      <c r="I194" s="79" t="s">
        <v>807</v>
      </c>
      <c r="J194" s="76" t="s">
        <v>5</v>
      </c>
      <c r="K194" s="80" t="s">
        <v>817</v>
      </c>
      <c r="L194" s="81" t="s">
        <v>4</v>
      </c>
      <c r="M194" s="81" t="s">
        <v>4</v>
      </c>
      <c r="N194" s="82" t="s">
        <v>4</v>
      </c>
    </row>
    <row r="195" spans="1:14" ht="79.95" customHeight="1">
      <c r="A195" s="74"/>
      <c r="B195" s="74"/>
      <c r="C195" s="75">
        <v>212</v>
      </c>
      <c r="D195" s="76" t="s">
        <v>0</v>
      </c>
      <c r="E195" s="77" t="s">
        <v>16</v>
      </c>
      <c r="F195" s="77" t="s">
        <v>305</v>
      </c>
      <c r="G195" s="78" t="s">
        <v>586</v>
      </c>
      <c r="H195" s="78" t="s">
        <v>4</v>
      </c>
      <c r="I195" s="79" t="s">
        <v>4</v>
      </c>
      <c r="J195" s="76" t="s">
        <v>62</v>
      </c>
      <c r="K195" s="80" t="s">
        <v>4</v>
      </c>
      <c r="L195" s="81" t="s">
        <v>4</v>
      </c>
      <c r="M195" s="81" t="s">
        <v>4</v>
      </c>
      <c r="N195" s="82" t="s">
        <v>4</v>
      </c>
    </row>
    <row r="196" spans="1:14" ht="79.95" customHeight="1">
      <c r="A196" s="74"/>
      <c r="B196" s="74"/>
      <c r="C196" s="75">
        <v>213</v>
      </c>
      <c r="D196" s="76" t="s">
        <v>0</v>
      </c>
      <c r="E196" s="77" t="s">
        <v>29</v>
      </c>
      <c r="F196" s="77" t="s">
        <v>791</v>
      </c>
      <c r="G196" s="78" t="s">
        <v>12</v>
      </c>
      <c r="H196" s="78" t="s">
        <v>839</v>
      </c>
      <c r="I196" s="79" t="s">
        <v>808</v>
      </c>
      <c r="J196" s="76" t="s">
        <v>62</v>
      </c>
      <c r="K196" s="80" t="s">
        <v>4</v>
      </c>
      <c r="L196" s="81" t="s">
        <v>4</v>
      </c>
      <c r="M196" s="81" t="s">
        <v>792</v>
      </c>
      <c r="N196" s="82" t="s">
        <v>4</v>
      </c>
    </row>
    <row r="197" spans="1:14" ht="119.4" customHeight="1">
      <c r="A197" s="74"/>
      <c r="B197" s="74"/>
      <c r="C197" s="75">
        <v>214</v>
      </c>
      <c r="D197" s="76" t="s">
        <v>0</v>
      </c>
      <c r="E197" s="77" t="s">
        <v>33</v>
      </c>
      <c r="F197" s="77" t="s">
        <v>44</v>
      </c>
      <c r="G197" s="78" t="s">
        <v>793</v>
      </c>
      <c r="H197" s="78" t="s">
        <v>790</v>
      </c>
      <c r="I197" s="79" t="s">
        <v>809</v>
      </c>
      <c r="J197" s="76" t="s">
        <v>5</v>
      </c>
      <c r="K197" s="80" t="s">
        <v>818</v>
      </c>
      <c r="L197" s="81" t="s">
        <v>4</v>
      </c>
      <c r="M197" s="81" t="s">
        <v>794</v>
      </c>
      <c r="N197" s="82" t="s">
        <v>4</v>
      </c>
    </row>
    <row r="198" spans="1:14" ht="122.4" customHeight="1">
      <c r="A198" s="74"/>
      <c r="B198" s="74"/>
      <c r="C198" s="75">
        <v>215</v>
      </c>
      <c r="D198" s="76" t="s">
        <v>0</v>
      </c>
      <c r="E198" s="77" t="s">
        <v>33</v>
      </c>
      <c r="F198" s="77" t="s">
        <v>364</v>
      </c>
      <c r="G198" s="78" t="s">
        <v>847</v>
      </c>
      <c r="H198" s="78" t="s">
        <v>865</v>
      </c>
      <c r="I198" s="79" t="s">
        <v>872</v>
      </c>
      <c r="J198" s="76" t="s">
        <v>5</v>
      </c>
      <c r="K198" s="80" t="s">
        <v>876</v>
      </c>
      <c r="L198" s="81" t="s">
        <v>4</v>
      </c>
      <c r="M198" s="81" t="s">
        <v>848</v>
      </c>
      <c r="N198" s="82" t="s">
        <v>4</v>
      </c>
    </row>
    <row r="199" spans="1:14" ht="79.95" customHeight="1">
      <c r="A199" s="74"/>
      <c r="B199" s="74"/>
      <c r="C199" s="75">
        <v>216</v>
      </c>
      <c r="D199" s="76" t="s">
        <v>0</v>
      </c>
      <c r="E199" s="77" t="s">
        <v>1</v>
      </c>
      <c r="F199" s="77" t="s">
        <v>227</v>
      </c>
      <c r="G199" s="78" t="s">
        <v>849</v>
      </c>
      <c r="H199" s="78" t="s">
        <v>866</v>
      </c>
      <c r="I199" s="79" t="s">
        <v>873</v>
      </c>
      <c r="J199" s="76" t="s">
        <v>62</v>
      </c>
      <c r="K199" s="80" t="s">
        <v>877</v>
      </c>
      <c r="L199" s="81" t="s">
        <v>4</v>
      </c>
      <c r="M199" s="81" t="s">
        <v>4</v>
      </c>
      <c r="N199" s="82" t="s">
        <v>4</v>
      </c>
    </row>
    <row r="200" spans="1:14" ht="217.2" customHeight="1">
      <c r="A200" s="74"/>
      <c r="B200" s="74"/>
      <c r="C200" s="75">
        <v>217</v>
      </c>
      <c r="D200" s="76" t="s">
        <v>126</v>
      </c>
      <c r="E200" s="77" t="s">
        <v>29</v>
      </c>
      <c r="F200" s="77" t="s">
        <v>17</v>
      </c>
      <c r="G200" s="78" t="s">
        <v>7</v>
      </c>
      <c r="H200" s="78" t="s">
        <v>867</v>
      </c>
      <c r="I200" s="79" t="s">
        <v>862</v>
      </c>
      <c r="J200" s="76" t="s">
        <v>62</v>
      </c>
      <c r="K200" s="80" t="s">
        <v>882</v>
      </c>
      <c r="L200" s="81" t="s">
        <v>4</v>
      </c>
      <c r="M200" s="81" t="s">
        <v>4</v>
      </c>
      <c r="N200" s="82" t="s">
        <v>4</v>
      </c>
    </row>
    <row r="201" spans="1:14" ht="394.2" customHeight="1">
      <c r="A201" s="74"/>
      <c r="B201" s="74"/>
      <c r="C201" s="75">
        <v>218</v>
      </c>
      <c r="D201" s="76" t="s">
        <v>0</v>
      </c>
      <c r="E201" s="77" t="s">
        <v>33</v>
      </c>
      <c r="F201" s="77" t="s">
        <v>85</v>
      </c>
      <c r="G201" s="78" t="s">
        <v>7</v>
      </c>
      <c r="H201" s="78" t="s">
        <v>868</v>
      </c>
      <c r="I201" s="79" t="s">
        <v>4</v>
      </c>
      <c r="J201" s="76" t="s">
        <v>5</v>
      </c>
      <c r="K201" s="80" t="s">
        <v>881</v>
      </c>
      <c r="L201" s="81" t="s">
        <v>850</v>
      </c>
      <c r="M201" s="81" t="s">
        <v>4</v>
      </c>
      <c r="N201" s="82" t="s">
        <v>4</v>
      </c>
    </row>
    <row r="202" spans="1:14" ht="79.95" customHeight="1">
      <c r="A202" s="74"/>
      <c r="B202" s="74"/>
      <c r="C202" s="75">
        <v>219</v>
      </c>
      <c r="D202" s="76" t="s">
        <v>0</v>
      </c>
      <c r="E202" s="77" t="s">
        <v>33</v>
      </c>
      <c r="F202" s="77" t="s">
        <v>227</v>
      </c>
      <c r="G202" s="78" t="s">
        <v>618</v>
      </c>
      <c r="H202" s="78" t="s">
        <v>869</v>
      </c>
      <c r="I202" s="79" t="s">
        <v>863</v>
      </c>
      <c r="J202" s="76" t="s">
        <v>62</v>
      </c>
      <c r="K202" s="80" t="s">
        <v>4</v>
      </c>
      <c r="L202" s="81" t="s">
        <v>4</v>
      </c>
      <c r="M202" s="81" t="s">
        <v>851</v>
      </c>
      <c r="N202" s="82" t="s">
        <v>4</v>
      </c>
    </row>
    <row r="203" spans="1:14" ht="79.95" customHeight="1">
      <c r="A203" s="74"/>
      <c r="B203" s="74"/>
      <c r="C203" s="75">
        <v>220</v>
      </c>
      <c r="D203" s="76" t="s">
        <v>0</v>
      </c>
      <c r="E203" s="77" t="s">
        <v>33</v>
      </c>
      <c r="F203" s="77" t="s">
        <v>44</v>
      </c>
      <c r="G203" s="78" t="s">
        <v>782</v>
      </c>
      <c r="H203" s="78" t="s">
        <v>4</v>
      </c>
      <c r="I203" s="79" t="s">
        <v>4</v>
      </c>
      <c r="J203" s="76" t="s">
        <v>62</v>
      </c>
      <c r="K203" s="80" t="s">
        <v>4</v>
      </c>
      <c r="L203" s="81" t="s">
        <v>4</v>
      </c>
      <c r="M203" s="81" t="s">
        <v>4</v>
      </c>
      <c r="N203" s="82" t="s">
        <v>4</v>
      </c>
    </row>
    <row r="204" spans="1:14" ht="79.95" customHeight="1">
      <c r="A204" s="74"/>
      <c r="B204" s="74"/>
      <c r="C204" s="75">
        <v>221</v>
      </c>
      <c r="D204" s="76" t="s">
        <v>0</v>
      </c>
      <c r="E204" s="77" t="s">
        <v>29</v>
      </c>
      <c r="F204" s="77" t="s">
        <v>233</v>
      </c>
      <c r="G204" s="78" t="s">
        <v>618</v>
      </c>
      <c r="H204" s="78" t="s">
        <v>870</v>
      </c>
      <c r="I204" s="79" t="s">
        <v>4</v>
      </c>
      <c r="J204" s="76" t="s">
        <v>62</v>
      </c>
      <c r="K204" s="80" t="s">
        <v>4</v>
      </c>
      <c r="L204" s="81" t="s">
        <v>4</v>
      </c>
      <c r="M204" s="81" t="s">
        <v>4</v>
      </c>
      <c r="N204" s="82" t="s">
        <v>4</v>
      </c>
    </row>
    <row r="205" spans="1:14" ht="232.2" customHeight="1">
      <c r="A205" s="74"/>
      <c r="B205" s="74"/>
      <c r="C205" s="75">
        <v>222</v>
      </c>
      <c r="D205" s="76" t="s">
        <v>0</v>
      </c>
      <c r="E205" s="77" t="s">
        <v>16</v>
      </c>
      <c r="F205" s="84" t="s">
        <v>852</v>
      </c>
      <c r="G205" s="78" t="s">
        <v>853</v>
      </c>
      <c r="H205" s="78" t="s">
        <v>4</v>
      </c>
      <c r="I205" s="79" t="s">
        <v>874</v>
      </c>
      <c r="J205" s="76" t="s">
        <v>5</v>
      </c>
      <c r="K205" s="80" t="s">
        <v>878</v>
      </c>
      <c r="L205" s="81" t="s">
        <v>854</v>
      </c>
      <c r="M205" s="81" t="s">
        <v>855</v>
      </c>
      <c r="N205" s="81" t="s">
        <v>856</v>
      </c>
    </row>
    <row r="206" spans="1:14" ht="229.2" customHeight="1">
      <c r="A206" s="74"/>
      <c r="B206" s="74"/>
      <c r="C206" s="75">
        <v>223</v>
      </c>
      <c r="D206" s="76" t="s">
        <v>0</v>
      </c>
      <c r="E206" s="77" t="s">
        <v>16</v>
      </c>
      <c r="F206" s="77" t="s">
        <v>364</v>
      </c>
      <c r="G206" s="78" t="s">
        <v>857</v>
      </c>
      <c r="H206" s="78" t="s">
        <v>880</v>
      </c>
      <c r="I206" s="79" t="s">
        <v>875</v>
      </c>
      <c r="J206" s="76" t="s">
        <v>5</v>
      </c>
      <c r="K206" s="80" t="s">
        <v>879</v>
      </c>
      <c r="L206" s="81" t="s">
        <v>858</v>
      </c>
      <c r="M206" s="81" t="s">
        <v>859</v>
      </c>
      <c r="N206" s="82" t="s">
        <v>4</v>
      </c>
    </row>
    <row r="207" spans="1:14" ht="79.95" customHeight="1">
      <c r="A207" s="74"/>
      <c r="B207" s="74"/>
      <c r="C207" s="75">
        <v>224</v>
      </c>
      <c r="D207" s="76" t="s">
        <v>0</v>
      </c>
      <c r="E207" s="77" t="s">
        <v>33</v>
      </c>
      <c r="F207" s="77" t="s">
        <v>227</v>
      </c>
      <c r="G207" s="78" t="s">
        <v>860</v>
      </c>
      <c r="H207" s="78" t="s">
        <v>871</v>
      </c>
      <c r="I207" s="79" t="s">
        <v>864</v>
      </c>
      <c r="J207" s="76" t="s">
        <v>62</v>
      </c>
      <c r="K207" s="80" t="s">
        <v>4</v>
      </c>
      <c r="L207" s="81" t="s">
        <v>4</v>
      </c>
      <c r="M207" s="81" t="s">
        <v>861</v>
      </c>
      <c r="N207" s="82" t="s">
        <v>4</v>
      </c>
    </row>
    <row r="208" spans="1:14" ht="79.95" customHeight="1">
      <c r="A208" s="74"/>
      <c r="B208" s="74"/>
      <c r="C208" s="75">
        <v>225</v>
      </c>
      <c r="D208" s="76" t="s">
        <v>0</v>
      </c>
      <c r="E208" s="77" t="s">
        <v>33</v>
      </c>
      <c r="F208" s="77" t="s">
        <v>305</v>
      </c>
      <c r="G208" s="78" t="s">
        <v>586</v>
      </c>
      <c r="H208" s="78" t="s">
        <v>4</v>
      </c>
      <c r="I208" s="79" t="s">
        <v>4</v>
      </c>
      <c r="J208" s="76" t="s">
        <v>62</v>
      </c>
      <c r="K208" s="80" t="s">
        <v>4</v>
      </c>
      <c r="L208" s="96" t="s">
        <v>1479</v>
      </c>
      <c r="M208" s="81" t="s">
        <v>4</v>
      </c>
      <c r="N208" s="82" t="s">
        <v>4</v>
      </c>
    </row>
    <row r="209" spans="1:14" ht="79.95" customHeight="1">
      <c r="A209" s="74"/>
      <c r="B209" s="74"/>
      <c r="C209" s="75">
        <v>226</v>
      </c>
      <c r="D209" s="76" t="s">
        <v>0</v>
      </c>
      <c r="E209" s="77" t="s">
        <v>33</v>
      </c>
      <c r="F209" s="77" t="s">
        <v>305</v>
      </c>
      <c r="G209" s="78" t="s">
        <v>586</v>
      </c>
      <c r="H209" s="78" t="s">
        <v>4</v>
      </c>
      <c r="I209" s="79" t="s">
        <v>4</v>
      </c>
      <c r="J209" s="76" t="s">
        <v>5</v>
      </c>
      <c r="K209" s="80" t="s">
        <v>4</v>
      </c>
      <c r="L209" s="81" t="s">
        <v>4</v>
      </c>
      <c r="M209" s="81" t="s">
        <v>4</v>
      </c>
      <c r="N209" s="82" t="s">
        <v>4</v>
      </c>
    </row>
    <row r="210" spans="1:14" ht="79.95" customHeight="1">
      <c r="A210" s="74"/>
      <c r="B210" s="74"/>
      <c r="C210" s="75">
        <v>228</v>
      </c>
      <c r="D210" s="76" t="s">
        <v>126</v>
      </c>
      <c r="E210" s="77" t="s">
        <v>1</v>
      </c>
      <c r="F210" s="77" t="s">
        <v>73</v>
      </c>
      <c r="G210" s="78" t="s">
        <v>19</v>
      </c>
      <c r="H210" s="78" t="s">
        <v>4</v>
      </c>
      <c r="I210" s="79" t="s">
        <v>4</v>
      </c>
      <c r="J210" s="76" t="s">
        <v>62</v>
      </c>
      <c r="K210" s="80" t="s">
        <v>4</v>
      </c>
      <c r="L210" s="81" t="s">
        <v>4</v>
      </c>
      <c r="M210" s="81" t="s">
        <v>4</v>
      </c>
      <c r="N210" s="82" t="s">
        <v>4</v>
      </c>
    </row>
    <row r="211" spans="1:14" ht="275.39999999999998" customHeight="1">
      <c r="A211" s="74"/>
      <c r="B211" s="74"/>
      <c r="C211" s="75">
        <v>229</v>
      </c>
      <c r="D211" s="76" t="s">
        <v>0</v>
      </c>
      <c r="E211" s="77" t="s">
        <v>29</v>
      </c>
      <c r="F211" s="77" t="s">
        <v>44</v>
      </c>
      <c r="G211" s="78" t="s">
        <v>883</v>
      </c>
      <c r="H211" s="78" t="s">
        <v>895</v>
      </c>
      <c r="I211" s="79" t="s">
        <v>900</v>
      </c>
      <c r="J211" s="76" t="s">
        <v>5</v>
      </c>
      <c r="K211" s="80" t="s">
        <v>916</v>
      </c>
      <c r="L211" s="81" t="s">
        <v>4</v>
      </c>
      <c r="M211" s="81" t="s">
        <v>884</v>
      </c>
      <c r="N211" s="82" t="s">
        <v>4</v>
      </c>
    </row>
    <row r="212" spans="1:14" ht="79.95" customHeight="1">
      <c r="A212" s="74"/>
      <c r="B212" s="74"/>
      <c r="C212" s="75">
        <v>230</v>
      </c>
      <c r="D212" s="76" t="s">
        <v>0</v>
      </c>
      <c r="E212" s="77" t="s">
        <v>29</v>
      </c>
      <c r="F212" s="77" t="s">
        <v>17</v>
      </c>
      <c r="G212" s="78" t="s">
        <v>885</v>
      </c>
      <c r="H212" s="78" t="s">
        <v>4</v>
      </c>
      <c r="I212" s="79" t="s">
        <v>901</v>
      </c>
      <c r="J212" s="76" t="s">
        <v>5</v>
      </c>
      <c r="K212" s="80" t="s">
        <v>905</v>
      </c>
      <c r="L212" s="81" t="s">
        <v>4</v>
      </c>
      <c r="M212" s="81" t="s">
        <v>886</v>
      </c>
      <c r="N212" s="82" t="s">
        <v>4</v>
      </c>
    </row>
    <row r="213" spans="1:14" ht="317.39999999999998" customHeight="1">
      <c r="A213" s="74"/>
      <c r="B213" s="74"/>
      <c r="C213" s="75">
        <v>231</v>
      </c>
      <c r="D213" s="76" t="s">
        <v>0</v>
      </c>
      <c r="E213" s="77" t="s">
        <v>16</v>
      </c>
      <c r="F213" s="77" t="s">
        <v>6</v>
      </c>
      <c r="G213" s="78" t="s">
        <v>887</v>
      </c>
      <c r="H213" s="78" t="s">
        <v>896</v>
      </c>
      <c r="I213" s="79" t="s">
        <v>902</v>
      </c>
      <c r="J213" s="76" t="s">
        <v>5</v>
      </c>
      <c r="K213" s="80" t="s">
        <v>906</v>
      </c>
      <c r="L213" s="81" t="s">
        <v>4</v>
      </c>
      <c r="M213" s="81" t="s">
        <v>888</v>
      </c>
      <c r="N213" s="82" t="s">
        <v>4</v>
      </c>
    </row>
    <row r="214" spans="1:14" ht="201" customHeight="1">
      <c r="A214" s="74"/>
      <c r="B214" s="74"/>
      <c r="C214" s="75">
        <v>232</v>
      </c>
      <c r="D214" s="76" t="s">
        <v>0</v>
      </c>
      <c r="E214" s="77" t="s">
        <v>1</v>
      </c>
      <c r="F214" s="77" t="s">
        <v>225</v>
      </c>
      <c r="G214" s="78" t="s">
        <v>361</v>
      </c>
      <c r="H214" s="78" t="s">
        <v>897</v>
      </c>
      <c r="I214" s="79" t="s">
        <v>903</v>
      </c>
      <c r="J214" s="76" t="s">
        <v>62</v>
      </c>
      <c r="K214" s="80" t="s">
        <v>907</v>
      </c>
      <c r="L214" s="81" t="s">
        <v>889</v>
      </c>
      <c r="M214" s="81" t="s">
        <v>890</v>
      </c>
      <c r="N214" s="82" t="s">
        <v>4</v>
      </c>
    </row>
    <row r="215" spans="1:14" ht="131.4" customHeight="1">
      <c r="A215" s="74"/>
      <c r="B215" s="74"/>
      <c r="C215" s="75">
        <v>233</v>
      </c>
      <c r="D215" s="76" t="s">
        <v>0</v>
      </c>
      <c r="E215" s="77" t="s">
        <v>16</v>
      </c>
      <c r="F215" s="77" t="s">
        <v>69</v>
      </c>
      <c r="G215" s="78" t="s">
        <v>891</v>
      </c>
      <c r="H215" s="78" t="s">
        <v>898</v>
      </c>
      <c r="I215" s="79" t="s">
        <v>904</v>
      </c>
      <c r="J215" s="76" t="s">
        <v>5</v>
      </c>
      <c r="K215" s="80" t="s">
        <v>909</v>
      </c>
      <c r="L215" s="81" t="s">
        <v>4</v>
      </c>
      <c r="M215" s="81" t="s">
        <v>892</v>
      </c>
      <c r="N215" s="82" t="s">
        <v>4</v>
      </c>
    </row>
    <row r="216" spans="1:14" ht="79.95" customHeight="1">
      <c r="A216" s="74"/>
      <c r="B216" s="74"/>
      <c r="C216" s="75">
        <v>235</v>
      </c>
      <c r="D216" s="76" t="s">
        <v>126</v>
      </c>
      <c r="E216" s="77" t="s">
        <v>33</v>
      </c>
      <c r="F216" s="77" t="s">
        <v>44</v>
      </c>
      <c r="G216" s="78" t="s">
        <v>893</v>
      </c>
      <c r="H216" s="78" t="s">
        <v>899</v>
      </c>
      <c r="I216" s="79" t="s">
        <v>894</v>
      </c>
      <c r="J216" s="76" t="s">
        <v>5</v>
      </c>
      <c r="K216" s="80" t="s">
        <v>908</v>
      </c>
      <c r="L216" s="81" t="s">
        <v>4</v>
      </c>
      <c r="M216" s="81" t="s">
        <v>4</v>
      </c>
      <c r="N216" s="82" t="s">
        <v>4</v>
      </c>
    </row>
    <row r="217" spans="1:14" ht="361.2" customHeight="1">
      <c r="A217" s="74"/>
      <c r="B217" s="74"/>
      <c r="C217" s="48">
        <v>236</v>
      </c>
      <c r="D217" s="49" t="s">
        <v>0</v>
      </c>
      <c r="E217" s="50" t="s">
        <v>11</v>
      </c>
      <c r="F217" s="51" t="s">
        <v>917</v>
      </c>
      <c r="G217" s="52" t="s">
        <v>918</v>
      </c>
      <c r="H217" s="52" t="s">
        <v>931</v>
      </c>
      <c r="I217" s="53" t="s">
        <v>924</v>
      </c>
      <c r="J217" s="49" t="s">
        <v>5</v>
      </c>
      <c r="K217" s="54" t="s">
        <v>932</v>
      </c>
      <c r="L217" s="55" t="s">
        <v>919</v>
      </c>
      <c r="M217" s="55" t="s">
        <v>920</v>
      </c>
      <c r="N217" s="56" t="s">
        <v>4</v>
      </c>
    </row>
    <row r="218" spans="1:14" ht="271.8" customHeight="1">
      <c r="A218" s="74"/>
      <c r="B218" s="74"/>
      <c r="C218" s="48">
        <v>237</v>
      </c>
      <c r="D218" s="49" t="s">
        <v>0</v>
      </c>
      <c r="E218" s="50" t="s">
        <v>11</v>
      </c>
      <c r="F218" s="51" t="s">
        <v>921</v>
      </c>
      <c r="G218" s="52" t="s">
        <v>19</v>
      </c>
      <c r="H218" s="52" t="s">
        <v>927</v>
      </c>
      <c r="I218" s="53" t="s">
        <v>928</v>
      </c>
      <c r="J218" s="49" t="s">
        <v>5</v>
      </c>
      <c r="K218" s="54" t="s">
        <v>930</v>
      </c>
      <c r="L218" s="55" t="s">
        <v>4</v>
      </c>
      <c r="M218" s="55" t="s">
        <v>922</v>
      </c>
      <c r="N218" s="56" t="s">
        <v>4</v>
      </c>
    </row>
    <row r="219" spans="1:14" ht="79.95" customHeight="1">
      <c r="A219" s="74"/>
      <c r="B219" s="74"/>
      <c r="C219" s="48">
        <v>238</v>
      </c>
      <c r="D219" s="49" t="s">
        <v>0</v>
      </c>
      <c r="E219" s="50" t="s">
        <v>16</v>
      </c>
      <c r="F219" s="50" t="s">
        <v>404</v>
      </c>
      <c r="G219" s="52" t="s">
        <v>766</v>
      </c>
      <c r="H219" s="52" t="s">
        <v>925</v>
      </c>
      <c r="I219" s="53" t="s">
        <v>929</v>
      </c>
      <c r="J219" s="49" t="s">
        <v>5</v>
      </c>
      <c r="K219" s="54" t="s">
        <v>926</v>
      </c>
      <c r="L219" s="55" t="s">
        <v>4</v>
      </c>
      <c r="M219" s="55" t="s">
        <v>923</v>
      </c>
      <c r="N219" s="56" t="s">
        <v>4</v>
      </c>
    </row>
    <row r="220" spans="1:14" s="72" customFormat="1" ht="79.95" customHeight="1">
      <c r="C220" s="48">
        <v>239</v>
      </c>
      <c r="D220" s="58" t="s">
        <v>0</v>
      </c>
      <c r="E220" s="58" t="s">
        <v>266</v>
      </c>
      <c r="F220" s="58" t="s">
        <v>432</v>
      </c>
      <c r="G220" s="59" t="s">
        <v>433</v>
      </c>
      <c r="H220" s="59" t="s">
        <v>4</v>
      </c>
      <c r="I220" s="59" t="s">
        <v>937</v>
      </c>
      <c r="J220" s="58" t="s">
        <v>5</v>
      </c>
      <c r="K220" s="59"/>
      <c r="L220" s="54" t="s">
        <v>4</v>
      </c>
      <c r="M220" s="54" t="s">
        <v>933</v>
      </c>
      <c r="N220" s="70" t="s">
        <v>4</v>
      </c>
    </row>
    <row r="221" spans="1:14" s="72" customFormat="1" ht="165" customHeight="1">
      <c r="C221" s="48">
        <v>241</v>
      </c>
      <c r="D221" s="58" t="s">
        <v>126</v>
      </c>
      <c r="E221" s="58" t="s">
        <v>29</v>
      </c>
      <c r="F221" s="58" t="s">
        <v>941</v>
      </c>
      <c r="G221" s="59" t="s">
        <v>934</v>
      </c>
      <c r="H221" s="59" t="s">
        <v>4</v>
      </c>
      <c r="I221" s="59" t="s">
        <v>939</v>
      </c>
      <c r="J221" s="58" t="s">
        <v>5</v>
      </c>
      <c r="K221" s="59" t="s">
        <v>938</v>
      </c>
      <c r="L221" s="54" t="s">
        <v>4</v>
      </c>
      <c r="M221" s="54" t="s">
        <v>935</v>
      </c>
      <c r="N221" s="70" t="s">
        <v>4</v>
      </c>
    </row>
    <row r="222" spans="1:14" s="72" customFormat="1" ht="270.60000000000002" customHeight="1">
      <c r="C222" s="48">
        <v>242</v>
      </c>
      <c r="D222" s="58" t="s">
        <v>0</v>
      </c>
      <c r="E222" s="58" t="s">
        <v>16</v>
      </c>
      <c r="F222" s="58" t="s">
        <v>942</v>
      </c>
      <c r="G222" s="59" t="s">
        <v>361</v>
      </c>
      <c r="H222" s="59" t="s">
        <v>940</v>
      </c>
      <c r="I222" s="59" t="s">
        <v>4</v>
      </c>
      <c r="J222" s="58" t="s">
        <v>62</v>
      </c>
      <c r="K222" s="59" t="s">
        <v>4</v>
      </c>
      <c r="L222" s="54" t="s">
        <v>4</v>
      </c>
      <c r="M222" s="54" t="s">
        <v>4</v>
      </c>
      <c r="N222" s="70" t="s">
        <v>4</v>
      </c>
    </row>
    <row r="223" spans="1:14" s="72" customFormat="1" ht="145.80000000000001" customHeight="1">
      <c r="C223" s="48">
        <v>243</v>
      </c>
      <c r="D223" s="58" t="s">
        <v>0</v>
      </c>
      <c r="E223" s="58" t="s">
        <v>16</v>
      </c>
      <c r="F223" s="58" t="s">
        <v>948</v>
      </c>
      <c r="G223" s="59" t="s">
        <v>946</v>
      </c>
      <c r="H223" s="59" t="s">
        <v>952</v>
      </c>
      <c r="I223" s="59" t="s">
        <v>954</v>
      </c>
      <c r="J223" s="58" t="s">
        <v>5</v>
      </c>
      <c r="K223" s="59" t="s">
        <v>957</v>
      </c>
      <c r="L223" s="54" t="s">
        <v>4</v>
      </c>
      <c r="M223" s="54" t="s">
        <v>4</v>
      </c>
      <c r="N223" s="70" t="s">
        <v>4</v>
      </c>
    </row>
    <row r="224" spans="1:14" s="72" customFormat="1" ht="218.4" customHeight="1">
      <c r="C224" s="48">
        <v>244</v>
      </c>
      <c r="D224" s="58" t="s">
        <v>0</v>
      </c>
      <c r="E224" s="58" t="s">
        <v>11</v>
      </c>
      <c r="F224" s="58" t="s">
        <v>949</v>
      </c>
      <c r="G224" s="59" t="s">
        <v>947</v>
      </c>
      <c r="H224" s="59" t="s">
        <v>950</v>
      </c>
      <c r="I224" s="59" t="s">
        <v>955</v>
      </c>
      <c r="J224" s="58" t="s">
        <v>5</v>
      </c>
      <c r="K224" s="59" t="s">
        <v>958</v>
      </c>
      <c r="L224" s="54" t="s">
        <v>4</v>
      </c>
      <c r="M224" s="54" t="s">
        <v>4</v>
      </c>
      <c r="N224" s="70" t="s">
        <v>4</v>
      </c>
    </row>
    <row r="225" spans="3:14" s="72" customFormat="1" ht="408.6" customHeight="1">
      <c r="C225" s="48">
        <v>245</v>
      </c>
      <c r="D225" s="58" t="s">
        <v>0</v>
      </c>
      <c r="E225" s="58" t="s">
        <v>33</v>
      </c>
      <c r="F225" s="58" t="s">
        <v>951</v>
      </c>
      <c r="G225" s="59" t="s">
        <v>41</v>
      </c>
      <c r="H225" s="59" t="s">
        <v>953</v>
      </c>
      <c r="I225" s="59" t="s">
        <v>956</v>
      </c>
      <c r="J225" s="58" t="s">
        <v>5</v>
      </c>
      <c r="K225" s="59" t="s">
        <v>959</v>
      </c>
      <c r="L225" s="54" t="s">
        <v>4</v>
      </c>
      <c r="M225" s="54" t="s">
        <v>4</v>
      </c>
      <c r="N225" s="70" t="s">
        <v>4</v>
      </c>
    </row>
    <row r="226" spans="3:14" s="72" customFormat="1" ht="160.05000000000001" customHeight="1">
      <c r="C226" s="48">
        <v>246</v>
      </c>
      <c r="D226" s="58" t="s">
        <v>126</v>
      </c>
      <c r="E226" s="58" t="s">
        <v>1</v>
      </c>
      <c r="F226" s="58" t="s">
        <v>962</v>
      </c>
      <c r="G226" s="59" t="s">
        <v>960</v>
      </c>
      <c r="H226" s="59" t="s">
        <v>963</v>
      </c>
      <c r="I226" s="59" t="s">
        <v>4</v>
      </c>
      <c r="J226" s="58" t="s">
        <v>5</v>
      </c>
      <c r="K226" s="59" t="s">
        <v>4</v>
      </c>
      <c r="L226" s="54" t="s">
        <v>4</v>
      </c>
      <c r="M226" s="54" t="s">
        <v>961</v>
      </c>
      <c r="N226" s="70" t="s">
        <v>4</v>
      </c>
    </row>
    <row r="227" spans="3:14" s="72" customFormat="1" ht="160.05000000000001" customHeight="1">
      <c r="C227" s="48">
        <v>247</v>
      </c>
      <c r="D227" s="58" t="s">
        <v>0</v>
      </c>
      <c r="E227" s="58" t="s">
        <v>16</v>
      </c>
      <c r="F227" s="58" t="s">
        <v>968</v>
      </c>
      <c r="G227" s="59" t="s">
        <v>965</v>
      </c>
      <c r="H227" s="59" t="s">
        <v>970</v>
      </c>
      <c r="I227" s="59" t="s">
        <v>971</v>
      </c>
      <c r="J227" s="58" t="s">
        <v>5</v>
      </c>
      <c r="K227" s="59" t="s">
        <v>4</v>
      </c>
      <c r="L227" s="54" t="s">
        <v>4</v>
      </c>
      <c r="M227" s="54" t="s">
        <v>964</v>
      </c>
      <c r="N227" s="70" t="s">
        <v>4</v>
      </c>
    </row>
    <row r="228" spans="3:14" s="72" customFormat="1" ht="160.05000000000001" customHeight="1">
      <c r="C228" s="48">
        <v>248</v>
      </c>
      <c r="D228" s="58" t="s">
        <v>0</v>
      </c>
      <c r="E228" s="58" t="s">
        <v>1</v>
      </c>
      <c r="F228" s="58" t="s">
        <v>969</v>
      </c>
      <c r="G228" s="59" t="s">
        <v>7</v>
      </c>
      <c r="H228" s="59" t="s">
        <v>972</v>
      </c>
      <c r="I228" s="59" t="s">
        <v>973</v>
      </c>
      <c r="J228" s="58" t="s">
        <v>5</v>
      </c>
      <c r="K228" s="59" t="s">
        <v>4</v>
      </c>
      <c r="L228" s="54" t="s">
        <v>967</v>
      </c>
      <c r="M228" s="54" t="s">
        <v>966</v>
      </c>
      <c r="N228" s="70" t="s">
        <v>4</v>
      </c>
    </row>
    <row r="229" spans="3:14" s="72" customFormat="1" ht="357.6" customHeight="1">
      <c r="C229" s="48">
        <v>249</v>
      </c>
      <c r="D229" s="58" t="s">
        <v>0</v>
      </c>
      <c r="E229" s="58" t="s">
        <v>11</v>
      </c>
      <c r="F229" s="58" t="s">
        <v>983</v>
      </c>
      <c r="G229" s="59" t="s">
        <v>976</v>
      </c>
      <c r="H229" s="59" t="s">
        <v>990</v>
      </c>
      <c r="I229" s="59" t="s">
        <v>992</v>
      </c>
      <c r="J229" s="58" t="s">
        <v>5</v>
      </c>
      <c r="K229" s="59" t="s">
        <v>994</v>
      </c>
      <c r="L229" s="54" t="s">
        <v>977</v>
      </c>
      <c r="M229" s="54" t="s">
        <v>978</v>
      </c>
      <c r="N229" s="70" t="s">
        <v>4</v>
      </c>
    </row>
    <row r="230" spans="3:14" s="72" customFormat="1" ht="297.60000000000002" customHeight="1">
      <c r="C230" s="48">
        <v>251</v>
      </c>
      <c r="D230" s="58" t="s">
        <v>126</v>
      </c>
      <c r="E230" s="58" t="s">
        <v>33</v>
      </c>
      <c r="F230" s="58" t="s">
        <v>984</v>
      </c>
      <c r="G230" s="59" t="s">
        <v>979</v>
      </c>
      <c r="H230" s="59" t="s">
        <v>991</v>
      </c>
      <c r="I230" s="59" t="s">
        <v>993</v>
      </c>
      <c r="J230" s="58" t="s">
        <v>5</v>
      </c>
      <c r="K230" s="59" t="s">
        <v>995</v>
      </c>
      <c r="L230" s="54" t="s">
        <v>4</v>
      </c>
      <c r="M230" s="54" t="s">
        <v>980</v>
      </c>
      <c r="N230" s="70" t="s">
        <v>4</v>
      </c>
    </row>
    <row r="231" spans="3:14" s="72" customFormat="1" ht="160.05000000000001" customHeight="1">
      <c r="C231" s="48">
        <v>252</v>
      </c>
      <c r="D231" s="58" t="s">
        <v>0</v>
      </c>
      <c r="E231" s="58" t="s">
        <v>29</v>
      </c>
      <c r="F231" s="58" t="s">
        <v>985</v>
      </c>
      <c r="G231" s="59" t="s">
        <v>981</v>
      </c>
      <c r="H231" s="59" t="s">
        <v>986</v>
      </c>
      <c r="I231" s="59" t="s">
        <v>4</v>
      </c>
      <c r="J231" s="58" t="s">
        <v>62</v>
      </c>
      <c r="K231" s="59" t="s">
        <v>4</v>
      </c>
      <c r="L231" s="54" t="s">
        <v>4</v>
      </c>
      <c r="M231" s="54" t="s">
        <v>982</v>
      </c>
      <c r="N231" s="70" t="s">
        <v>4</v>
      </c>
    </row>
    <row r="232" spans="3:14" s="72" customFormat="1" ht="361.2" customHeight="1">
      <c r="C232" s="48">
        <v>254</v>
      </c>
      <c r="D232" s="58" t="s">
        <v>0</v>
      </c>
      <c r="E232" s="58" t="s">
        <v>33</v>
      </c>
      <c r="F232" s="58" t="s">
        <v>1000</v>
      </c>
      <c r="G232" s="59" t="s">
        <v>997</v>
      </c>
      <c r="H232" s="59" t="s">
        <v>1004</v>
      </c>
      <c r="I232" s="59" t="s">
        <v>1005</v>
      </c>
      <c r="J232" s="58" t="s">
        <v>5</v>
      </c>
      <c r="K232" s="59" t="s">
        <v>1007</v>
      </c>
      <c r="L232" s="54" t="s">
        <v>4</v>
      </c>
      <c r="M232" s="54" t="s">
        <v>998</v>
      </c>
      <c r="N232" s="70" t="s">
        <v>4</v>
      </c>
    </row>
    <row r="233" spans="3:14" s="72" customFormat="1" ht="160.05000000000001" customHeight="1">
      <c r="C233" s="48">
        <v>255</v>
      </c>
      <c r="D233" s="58" t="s">
        <v>126</v>
      </c>
      <c r="E233" s="58" t="s">
        <v>33</v>
      </c>
      <c r="F233" s="58" t="s">
        <v>1010</v>
      </c>
      <c r="G233" s="59" t="s">
        <v>618</v>
      </c>
      <c r="H233" s="59" t="s">
        <v>1011</v>
      </c>
      <c r="I233" s="59" t="s">
        <v>1012</v>
      </c>
      <c r="J233" s="58" t="s">
        <v>62</v>
      </c>
      <c r="K233" s="59" t="s">
        <v>4</v>
      </c>
      <c r="L233" s="54" t="s">
        <v>4</v>
      </c>
      <c r="M233" s="54" t="s">
        <v>999</v>
      </c>
      <c r="N233" s="70" t="s">
        <v>4</v>
      </c>
    </row>
    <row r="234" spans="3:14" s="72" customFormat="1" ht="160.05000000000001" customHeight="1">
      <c r="C234" s="48">
        <v>256</v>
      </c>
      <c r="D234" s="58" t="s">
        <v>0</v>
      </c>
      <c r="E234" s="58" t="s">
        <v>33</v>
      </c>
      <c r="F234" s="58" t="s">
        <v>968</v>
      </c>
      <c r="G234" s="59" t="s">
        <v>310</v>
      </c>
      <c r="H234" s="59" t="s">
        <v>1001</v>
      </c>
      <c r="I234" s="59" t="s">
        <v>1006</v>
      </c>
      <c r="J234" s="58" t="s">
        <v>5</v>
      </c>
      <c r="K234" s="59" t="s">
        <v>1008</v>
      </c>
      <c r="L234" s="54" t="s">
        <v>4</v>
      </c>
      <c r="M234" s="54" t="s">
        <v>4</v>
      </c>
      <c r="N234" s="70" t="s">
        <v>4</v>
      </c>
    </row>
    <row r="235" spans="3:14" s="72" customFormat="1" ht="384" customHeight="1">
      <c r="C235" s="48">
        <v>257</v>
      </c>
      <c r="D235" s="58" t="s">
        <v>0</v>
      </c>
      <c r="E235" s="58" t="s">
        <v>16</v>
      </c>
      <c r="F235" s="58" t="s">
        <v>951</v>
      </c>
      <c r="G235" s="59" t="s">
        <v>1014</v>
      </c>
      <c r="H235" s="59" t="s">
        <v>1126</v>
      </c>
      <c r="I235" s="59" t="s">
        <v>1089</v>
      </c>
      <c r="J235" s="58" t="s">
        <v>5</v>
      </c>
      <c r="K235" s="90" t="s">
        <v>1090</v>
      </c>
      <c r="L235" s="54" t="s">
        <v>4</v>
      </c>
      <c r="M235" s="54" t="s">
        <v>4</v>
      </c>
      <c r="N235" s="70" t="s">
        <v>4</v>
      </c>
    </row>
    <row r="236" spans="3:14" s="72" customFormat="1" ht="174.6" customHeight="1">
      <c r="C236" s="48">
        <v>258</v>
      </c>
      <c r="D236" s="58" t="s">
        <v>0</v>
      </c>
      <c r="E236" s="58" t="s">
        <v>11</v>
      </c>
      <c r="F236" s="58" t="s">
        <v>1054</v>
      </c>
      <c r="G236" s="59" t="s">
        <v>1015</v>
      </c>
      <c r="H236" s="59" t="s">
        <v>1055</v>
      </c>
      <c r="I236" s="59" t="s">
        <v>1091</v>
      </c>
      <c r="J236" s="58" t="s">
        <v>5</v>
      </c>
      <c r="K236" s="59" t="s">
        <v>1092</v>
      </c>
      <c r="L236" s="54" t="s">
        <v>4</v>
      </c>
      <c r="M236" s="54" t="s">
        <v>1016</v>
      </c>
      <c r="N236" s="70" t="s">
        <v>4</v>
      </c>
    </row>
    <row r="237" spans="3:14" s="72" customFormat="1" ht="160.05000000000001" customHeight="1">
      <c r="C237" s="48">
        <v>259</v>
      </c>
      <c r="D237" s="58" t="s">
        <v>1017</v>
      </c>
      <c r="E237" s="58" t="s">
        <v>1018</v>
      </c>
      <c r="F237" s="58" t="s">
        <v>1130</v>
      </c>
      <c r="G237" s="59" t="s">
        <v>7</v>
      </c>
      <c r="H237" s="59"/>
      <c r="I237" s="59" t="s">
        <v>1150</v>
      </c>
      <c r="J237" s="58" t="s">
        <v>5</v>
      </c>
      <c r="K237" s="59"/>
      <c r="L237" s="54" t="s">
        <v>1131</v>
      </c>
      <c r="M237" s="54" t="s">
        <v>4</v>
      </c>
      <c r="N237" s="70" t="s">
        <v>4</v>
      </c>
    </row>
    <row r="238" spans="3:14" s="72" customFormat="1" ht="160.05000000000001" customHeight="1">
      <c r="C238" s="48">
        <v>260</v>
      </c>
      <c r="D238" s="58" t="s">
        <v>1017</v>
      </c>
      <c r="E238" s="58" t="s">
        <v>1</v>
      </c>
      <c r="F238" s="58" t="s">
        <v>65</v>
      </c>
      <c r="G238" s="59" t="s">
        <v>12</v>
      </c>
      <c r="H238" s="59"/>
      <c r="I238" s="59" t="s">
        <v>1155</v>
      </c>
      <c r="J238" s="58" t="s">
        <v>5</v>
      </c>
      <c r="K238" s="59"/>
      <c r="L238" s="54" t="s">
        <v>1132</v>
      </c>
      <c r="M238" s="54" t="s">
        <v>4</v>
      </c>
      <c r="N238" s="70" t="s">
        <v>4</v>
      </c>
    </row>
    <row r="239" spans="3:14" s="72" customFormat="1" ht="160.05000000000001" customHeight="1">
      <c r="C239" s="48">
        <v>261</v>
      </c>
      <c r="D239" s="58" t="s">
        <v>1017</v>
      </c>
      <c r="E239" s="58" t="s">
        <v>1</v>
      </c>
      <c r="F239" s="58" t="s">
        <v>1133</v>
      </c>
      <c r="G239" s="59" t="s">
        <v>7</v>
      </c>
      <c r="H239" s="59"/>
      <c r="I239" s="59" t="s">
        <v>1156</v>
      </c>
      <c r="J239" s="58" t="s">
        <v>5</v>
      </c>
      <c r="K239" s="59" t="s">
        <v>1175</v>
      </c>
      <c r="L239" s="54" t="s">
        <v>1134</v>
      </c>
      <c r="M239" s="54" t="s">
        <v>1135</v>
      </c>
      <c r="N239" s="70" t="s">
        <v>4</v>
      </c>
    </row>
    <row r="240" spans="3:14" s="72" customFormat="1" ht="160.05000000000001" customHeight="1">
      <c r="C240" s="48">
        <v>262</v>
      </c>
      <c r="D240" s="58" t="s">
        <v>1017</v>
      </c>
      <c r="E240" s="58" t="s">
        <v>11</v>
      </c>
      <c r="F240" s="58" t="s">
        <v>6</v>
      </c>
      <c r="G240" s="59" t="s">
        <v>1019</v>
      </c>
      <c r="H240" s="59" t="s">
        <v>1151</v>
      </c>
      <c r="I240" s="59" t="s">
        <v>1157</v>
      </c>
      <c r="J240" s="58" t="s">
        <v>5</v>
      </c>
      <c r="K240" s="59" t="s">
        <v>1176</v>
      </c>
      <c r="L240" s="54" t="s">
        <v>4</v>
      </c>
      <c r="M240" s="54" t="s">
        <v>4</v>
      </c>
      <c r="N240" s="70" t="s">
        <v>4</v>
      </c>
    </row>
    <row r="241" spans="3:14" s="72" customFormat="1" ht="160.05000000000001" customHeight="1">
      <c r="C241" s="48">
        <v>263</v>
      </c>
      <c r="D241" s="58" t="s">
        <v>1017</v>
      </c>
      <c r="E241" s="58" t="s">
        <v>1</v>
      </c>
      <c r="F241" s="58" t="s">
        <v>1133</v>
      </c>
      <c r="G241" s="59" t="s">
        <v>1020</v>
      </c>
      <c r="H241" s="59"/>
      <c r="I241" s="59" t="s">
        <v>1158</v>
      </c>
      <c r="J241" s="58" t="s">
        <v>5</v>
      </c>
      <c r="K241" s="59" t="s">
        <v>1177</v>
      </c>
      <c r="L241" s="54" t="s">
        <v>4</v>
      </c>
      <c r="M241" s="54" t="s">
        <v>1136</v>
      </c>
      <c r="N241" s="70" t="s">
        <v>4</v>
      </c>
    </row>
    <row r="242" spans="3:14" s="72" customFormat="1" ht="160.05000000000001" customHeight="1">
      <c r="C242" s="48">
        <v>264</v>
      </c>
      <c r="D242" s="58" t="s">
        <v>1017</v>
      </c>
      <c r="E242" s="58" t="s">
        <v>1</v>
      </c>
      <c r="F242" s="58" t="s">
        <v>44</v>
      </c>
      <c r="G242" s="59" t="s">
        <v>1021</v>
      </c>
      <c r="H242" s="59"/>
      <c r="I242" s="59" t="s">
        <v>1159</v>
      </c>
      <c r="J242" s="58" t="s">
        <v>5</v>
      </c>
      <c r="K242" s="59"/>
      <c r="L242" s="54" t="s">
        <v>4</v>
      </c>
      <c r="M242" s="54" t="s">
        <v>1137</v>
      </c>
      <c r="N242" s="70" t="s">
        <v>4</v>
      </c>
    </row>
    <row r="243" spans="3:14" s="72" customFormat="1" ht="160.05000000000001" customHeight="1">
      <c r="C243" s="48">
        <v>265</v>
      </c>
      <c r="D243" s="58" t="s">
        <v>1017</v>
      </c>
      <c r="E243" s="58" t="s">
        <v>1</v>
      </c>
      <c r="F243" s="58" t="s">
        <v>1133</v>
      </c>
      <c r="G243" s="59" t="s">
        <v>1022</v>
      </c>
      <c r="H243" s="59"/>
      <c r="I243" s="59" t="s">
        <v>1160</v>
      </c>
      <c r="J243" s="58" t="s">
        <v>62</v>
      </c>
      <c r="K243" s="59"/>
      <c r="L243" s="54" t="s">
        <v>4</v>
      </c>
      <c r="M243" s="54" t="s">
        <v>4</v>
      </c>
      <c r="N243" s="70" t="s">
        <v>4</v>
      </c>
    </row>
    <row r="244" spans="3:14" s="72" customFormat="1" ht="160.05000000000001" customHeight="1">
      <c r="C244" s="48">
        <v>266</v>
      </c>
      <c r="D244" s="58" t="s">
        <v>1017</v>
      </c>
      <c r="E244" s="58" t="s">
        <v>1018</v>
      </c>
      <c r="F244" s="58" t="s">
        <v>289</v>
      </c>
      <c r="G244" s="59" t="s">
        <v>12</v>
      </c>
      <c r="H244" s="59"/>
      <c r="I244" s="59" t="s">
        <v>1161</v>
      </c>
      <c r="J244" s="58" t="s">
        <v>62</v>
      </c>
      <c r="K244" s="59"/>
      <c r="L244" s="54" t="s">
        <v>4</v>
      </c>
      <c r="M244" s="54" t="s">
        <v>1138</v>
      </c>
      <c r="N244" s="70" t="s">
        <v>4</v>
      </c>
    </row>
    <row r="245" spans="3:14" s="72" customFormat="1" ht="160.05000000000001" customHeight="1">
      <c r="C245" s="48">
        <v>267</v>
      </c>
      <c r="D245" s="58" t="s">
        <v>1023</v>
      </c>
      <c r="E245" s="58" t="s">
        <v>1</v>
      </c>
      <c r="F245" s="58" t="s">
        <v>1139</v>
      </c>
      <c r="G245" s="59" t="s">
        <v>1020</v>
      </c>
      <c r="H245" s="59"/>
      <c r="I245" s="59" t="s">
        <v>1162</v>
      </c>
      <c r="J245" s="58" t="s">
        <v>5</v>
      </c>
      <c r="K245" s="59"/>
      <c r="L245" s="54" t="s">
        <v>4</v>
      </c>
      <c r="M245" s="54" t="s">
        <v>4</v>
      </c>
      <c r="N245" s="70" t="s">
        <v>4</v>
      </c>
    </row>
    <row r="246" spans="3:14" s="72" customFormat="1" ht="160.05000000000001" customHeight="1">
      <c r="C246" s="48">
        <v>268</v>
      </c>
      <c r="D246" s="58" t="s">
        <v>1023</v>
      </c>
      <c r="E246" s="58" t="s">
        <v>1</v>
      </c>
      <c r="F246" s="58" t="s">
        <v>44</v>
      </c>
      <c r="G246" s="59" t="s">
        <v>293</v>
      </c>
      <c r="H246" s="59"/>
      <c r="I246" s="59" t="s">
        <v>1163</v>
      </c>
      <c r="J246" s="58" t="s">
        <v>5</v>
      </c>
      <c r="K246" s="59" t="s">
        <v>1178</v>
      </c>
      <c r="L246" s="54" t="s">
        <v>1140</v>
      </c>
      <c r="M246" s="54" t="s">
        <v>4</v>
      </c>
      <c r="N246" s="70" t="s">
        <v>4</v>
      </c>
    </row>
    <row r="247" spans="3:14" s="72" customFormat="1" ht="160.05000000000001" customHeight="1">
      <c r="C247" s="48">
        <v>269</v>
      </c>
      <c r="D247" s="58" t="s">
        <v>1017</v>
      </c>
      <c r="E247" s="58" t="s">
        <v>1018</v>
      </c>
      <c r="F247" s="58" t="s">
        <v>1133</v>
      </c>
      <c r="G247" s="59" t="s">
        <v>618</v>
      </c>
      <c r="H247" s="59"/>
      <c r="I247" s="59" t="s">
        <v>1164</v>
      </c>
      <c r="J247" s="58" t="s">
        <v>5</v>
      </c>
      <c r="K247" s="59"/>
      <c r="L247" s="54" t="s">
        <v>1141</v>
      </c>
      <c r="M247" s="54" t="s">
        <v>4</v>
      </c>
      <c r="N247" s="70" t="s">
        <v>4</v>
      </c>
    </row>
    <row r="248" spans="3:14" s="72" customFormat="1" ht="160.05000000000001" customHeight="1">
      <c r="C248" s="48">
        <v>270</v>
      </c>
      <c r="D248" s="58" t="s">
        <v>1017</v>
      </c>
      <c r="E248" s="58" t="s">
        <v>1018</v>
      </c>
      <c r="F248" s="58" t="s">
        <v>1142</v>
      </c>
      <c r="G248" s="59" t="s">
        <v>7</v>
      </c>
      <c r="H248" s="59"/>
      <c r="I248" s="59" t="s">
        <v>1165</v>
      </c>
      <c r="J248" s="58" t="s">
        <v>5</v>
      </c>
      <c r="K248" s="59"/>
      <c r="L248" s="54" t="s">
        <v>1143</v>
      </c>
      <c r="M248" s="54" t="s">
        <v>4</v>
      </c>
      <c r="N248" s="70" t="s">
        <v>4</v>
      </c>
    </row>
    <row r="249" spans="3:14" s="72" customFormat="1" ht="160.05000000000001" customHeight="1">
      <c r="C249" s="48">
        <v>271</v>
      </c>
      <c r="D249" s="58" t="s">
        <v>1023</v>
      </c>
      <c r="E249" s="58" t="s">
        <v>1</v>
      </c>
      <c r="F249" s="58" t="s">
        <v>1144</v>
      </c>
      <c r="G249" s="59" t="s">
        <v>1024</v>
      </c>
      <c r="H249" s="59" t="s">
        <v>1152</v>
      </c>
      <c r="I249" s="59" t="s">
        <v>1166</v>
      </c>
      <c r="J249" s="58" t="s">
        <v>5</v>
      </c>
      <c r="K249" s="59"/>
      <c r="L249" s="54" t="s">
        <v>1145</v>
      </c>
      <c r="M249" s="54" t="s">
        <v>4</v>
      </c>
      <c r="N249" s="70" t="s">
        <v>4</v>
      </c>
    </row>
    <row r="250" spans="3:14" s="72" customFormat="1" ht="160.05000000000001" customHeight="1">
      <c r="C250" s="48">
        <v>272</v>
      </c>
      <c r="D250" s="58" t="s">
        <v>1023</v>
      </c>
      <c r="E250" s="58" t="s">
        <v>1018</v>
      </c>
      <c r="F250" s="58" t="s">
        <v>65</v>
      </c>
      <c r="G250" s="59" t="s">
        <v>293</v>
      </c>
      <c r="H250" s="59"/>
      <c r="I250" s="59" t="s">
        <v>1167</v>
      </c>
      <c r="J250" s="58" t="s">
        <v>62</v>
      </c>
      <c r="K250" s="59"/>
      <c r="L250" s="54" t="s">
        <v>4</v>
      </c>
      <c r="M250" s="54" t="s">
        <v>1146</v>
      </c>
      <c r="N250" s="70" t="s">
        <v>4</v>
      </c>
    </row>
    <row r="251" spans="3:14" s="72" customFormat="1" ht="160.05000000000001" customHeight="1">
      <c r="C251" s="48">
        <v>273</v>
      </c>
      <c r="D251" s="58" t="s">
        <v>1023</v>
      </c>
      <c r="E251" s="58" t="s">
        <v>1018</v>
      </c>
      <c r="F251" s="58" t="s">
        <v>77</v>
      </c>
      <c r="G251" s="59" t="s">
        <v>7</v>
      </c>
      <c r="H251" s="59"/>
      <c r="I251" s="59" t="s">
        <v>1168</v>
      </c>
      <c r="J251" s="58" t="s">
        <v>5</v>
      </c>
      <c r="K251" s="59"/>
      <c r="L251" s="54" t="s">
        <v>4</v>
      </c>
      <c r="M251" s="54" t="s">
        <v>4</v>
      </c>
      <c r="N251" s="70" t="s">
        <v>4</v>
      </c>
    </row>
    <row r="252" spans="3:14" s="72" customFormat="1" ht="160.05000000000001" customHeight="1">
      <c r="C252" s="48">
        <v>274</v>
      </c>
      <c r="D252" s="58" t="s">
        <v>1023</v>
      </c>
      <c r="E252" s="58" t="s">
        <v>1018</v>
      </c>
      <c r="F252" s="58" t="s">
        <v>289</v>
      </c>
      <c r="G252" s="59" t="s">
        <v>1020</v>
      </c>
      <c r="H252" s="59"/>
      <c r="I252" s="59" t="s">
        <v>1169</v>
      </c>
      <c r="J252" s="58" t="s">
        <v>5</v>
      </c>
      <c r="K252" s="59" t="s">
        <v>1179</v>
      </c>
      <c r="L252" s="54" t="s">
        <v>1147</v>
      </c>
      <c r="M252" s="54" t="s">
        <v>4</v>
      </c>
      <c r="N252" s="70" t="s">
        <v>4</v>
      </c>
    </row>
    <row r="253" spans="3:14" s="72" customFormat="1" ht="160.05000000000001" customHeight="1">
      <c r="C253" s="48">
        <v>275</v>
      </c>
      <c r="D253" s="58" t="s">
        <v>1023</v>
      </c>
      <c r="E253" s="58" t="s">
        <v>1018</v>
      </c>
      <c r="F253" s="58" t="s">
        <v>44</v>
      </c>
      <c r="G253" s="59" t="s">
        <v>782</v>
      </c>
      <c r="H253" s="59"/>
      <c r="I253" s="59" t="s">
        <v>1170</v>
      </c>
      <c r="J253" s="58" t="s">
        <v>5</v>
      </c>
      <c r="K253" s="59"/>
      <c r="L253" s="54" t="s">
        <v>4</v>
      </c>
      <c r="M253" s="54" t="s">
        <v>4</v>
      </c>
      <c r="N253" s="70" t="s">
        <v>4</v>
      </c>
    </row>
    <row r="254" spans="3:14" s="72" customFormat="1" ht="160.05000000000001" customHeight="1">
      <c r="C254" s="48">
        <v>276</v>
      </c>
      <c r="D254" s="58" t="s">
        <v>1017</v>
      </c>
      <c r="E254" s="58" t="s">
        <v>1</v>
      </c>
      <c r="F254" s="58" t="s">
        <v>1133</v>
      </c>
      <c r="G254" s="59" t="s">
        <v>7</v>
      </c>
      <c r="H254" s="59"/>
      <c r="I254" s="59" t="s">
        <v>1171</v>
      </c>
      <c r="J254" s="58" t="s">
        <v>5</v>
      </c>
      <c r="K254" s="59"/>
      <c r="L254" s="54" t="s">
        <v>4</v>
      </c>
      <c r="M254" s="54" t="s">
        <v>4</v>
      </c>
      <c r="N254" s="70" t="s">
        <v>4</v>
      </c>
    </row>
    <row r="255" spans="3:14" s="72" customFormat="1" ht="160.05000000000001" customHeight="1">
      <c r="C255" s="48">
        <v>277</v>
      </c>
      <c r="D255" s="58" t="s">
        <v>1017</v>
      </c>
      <c r="E255" s="58" t="s">
        <v>11</v>
      </c>
      <c r="F255" s="58" t="s">
        <v>404</v>
      </c>
      <c r="G255" s="59" t="s">
        <v>1025</v>
      </c>
      <c r="H255" s="59" t="s">
        <v>1153</v>
      </c>
      <c r="I255" s="59" t="s">
        <v>1172</v>
      </c>
      <c r="J255" s="58" t="s">
        <v>5</v>
      </c>
      <c r="K255" s="59" t="s">
        <v>1180</v>
      </c>
      <c r="L255" s="54" t="s">
        <v>4</v>
      </c>
      <c r="M255" s="54" t="s">
        <v>1031</v>
      </c>
      <c r="N255" s="70" t="s">
        <v>4</v>
      </c>
    </row>
    <row r="256" spans="3:14" s="72" customFormat="1" ht="160.05000000000001" customHeight="1">
      <c r="C256" s="48">
        <v>278</v>
      </c>
      <c r="D256" s="58" t="s">
        <v>1017</v>
      </c>
      <c r="E256" s="58" t="s">
        <v>33</v>
      </c>
      <c r="F256" s="58" t="s">
        <v>225</v>
      </c>
      <c r="G256" s="59" t="s">
        <v>1026</v>
      </c>
      <c r="H256" s="59" t="s">
        <v>1154</v>
      </c>
      <c r="I256" s="59" t="s">
        <v>1173</v>
      </c>
      <c r="J256" s="58" t="s">
        <v>5</v>
      </c>
      <c r="K256" s="59" t="s">
        <v>1181</v>
      </c>
      <c r="L256" s="54" t="s">
        <v>4</v>
      </c>
      <c r="M256" s="54" t="s">
        <v>1148</v>
      </c>
      <c r="N256" s="70" t="s">
        <v>4</v>
      </c>
    </row>
    <row r="257" spans="3:14" s="72" customFormat="1" ht="160.05000000000001" customHeight="1">
      <c r="C257" s="48">
        <v>279</v>
      </c>
      <c r="D257" s="58" t="s">
        <v>1023</v>
      </c>
      <c r="E257" s="58" t="s">
        <v>1</v>
      </c>
      <c r="F257" s="58" t="s">
        <v>1149</v>
      </c>
      <c r="G257" s="59" t="s">
        <v>7</v>
      </c>
      <c r="H257" s="59"/>
      <c r="I257" s="59" t="s">
        <v>1174</v>
      </c>
      <c r="J257" s="58" t="s">
        <v>5</v>
      </c>
      <c r="K257" s="59"/>
      <c r="L257" s="54" t="s">
        <v>4</v>
      </c>
      <c r="M257" s="54" t="s">
        <v>4</v>
      </c>
      <c r="N257" s="70" t="s">
        <v>4</v>
      </c>
    </row>
    <row r="258" spans="3:14" s="72" customFormat="1" ht="160.05000000000001" customHeight="1">
      <c r="C258" s="48">
        <v>280</v>
      </c>
      <c r="D258" s="58" t="s">
        <v>0</v>
      </c>
      <c r="E258" s="58" t="s">
        <v>33</v>
      </c>
      <c r="F258" s="58" t="s">
        <v>1057</v>
      </c>
      <c r="G258" s="59" t="s">
        <v>7</v>
      </c>
      <c r="H258" s="59" t="s">
        <v>4</v>
      </c>
      <c r="I258" s="59"/>
      <c r="J258" s="58" t="s">
        <v>62</v>
      </c>
      <c r="K258" s="59" t="s">
        <v>4</v>
      </c>
      <c r="L258" s="54" t="s">
        <v>4</v>
      </c>
      <c r="M258" s="54" t="s">
        <v>1027</v>
      </c>
      <c r="N258" s="70" t="s">
        <v>4</v>
      </c>
    </row>
    <row r="259" spans="3:14" s="72" customFormat="1" ht="347.4" customHeight="1">
      <c r="C259" s="48">
        <v>281</v>
      </c>
      <c r="D259" s="58" t="s">
        <v>0</v>
      </c>
      <c r="E259" s="58" t="s">
        <v>33</v>
      </c>
      <c r="F259" s="58" t="s">
        <v>962</v>
      </c>
      <c r="G259" s="59" t="s">
        <v>350</v>
      </c>
      <c r="H259" s="59" t="s">
        <v>1058</v>
      </c>
      <c r="I259" s="59" t="s">
        <v>1104</v>
      </c>
      <c r="J259" s="58" t="s">
        <v>5</v>
      </c>
      <c r="K259" s="59" t="s">
        <v>1125</v>
      </c>
      <c r="L259" s="54" t="s">
        <v>4</v>
      </c>
      <c r="M259" s="54" t="s">
        <v>1028</v>
      </c>
      <c r="N259" s="70" t="s">
        <v>4</v>
      </c>
    </row>
    <row r="260" spans="3:14" s="72" customFormat="1" ht="396" customHeight="1">
      <c r="C260" s="48">
        <v>282</v>
      </c>
      <c r="D260" s="58" t="s">
        <v>0</v>
      </c>
      <c r="E260" s="58" t="s">
        <v>33</v>
      </c>
      <c r="F260" s="58" t="s">
        <v>969</v>
      </c>
      <c r="G260" s="59" t="s">
        <v>749</v>
      </c>
      <c r="H260" s="59" t="s">
        <v>1093</v>
      </c>
      <c r="I260" s="59" t="s">
        <v>1059</v>
      </c>
      <c r="J260" s="58" t="s">
        <v>5</v>
      </c>
      <c r="K260" s="59" t="s">
        <v>1117</v>
      </c>
      <c r="L260" s="54" t="s">
        <v>4</v>
      </c>
      <c r="M260" s="54" t="s">
        <v>1029</v>
      </c>
      <c r="N260" s="70" t="s">
        <v>4</v>
      </c>
    </row>
    <row r="261" spans="3:14" s="72" customFormat="1" ht="160.05000000000001" customHeight="1">
      <c r="C261" s="48">
        <v>283</v>
      </c>
      <c r="D261" s="58" t="s">
        <v>0</v>
      </c>
      <c r="E261" s="58" t="s">
        <v>29</v>
      </c>
      <c r="F261" s="58" t="s">
        <v>962</v>
      </c>
      <c r="G261" s="59" t="s">
        <v>7</v>
      </c>
      <c r="H261" s="59" t="s">
        <v>1060</v>
      </c>
      <c r="I261" s="59" t="s">
        <v>1105</v>
      </c>
      <c r="J261" s="58" t="s">
        <v>5</v>
      </c>
      <c r="K261" s="59" t="s">
        <v>4</v>
      </c>
      <c r="L261" s="54" t="s">
        <v>4</v>
      </c>
      <c r="M261" s="54" t="s">
        <v>4</v>
      </c>
      <c r="N261" s="70" t="s">
        <v>4</v>
      </c>
    </row>
    <row r="262" spans="3:14" s="72" customFormat="1" ht="289.8" customHeight="1">
      <c r="C262" s="48">
        <v>284</v>
      </c>
      <c r="D262" s="58" t="s">
        <v>0</v>
      </c>
      <c r="E262" s="58" t="s">
        <v>16</v>
      </c>
      <c r="F262" s="58" t="s">
        <v>1056</v>
      </c>
      <c r="G262" s="59" t="s">
        <v>1030</v>
      </c>
      <c r="H262" s="59" t="s">
        <v>1094</v>
      </c>
      <c r="I262" s="59" t="s">
        <v>1061</v>
      </c>
      <c r="J262" s="58" t="s">
        <v>5</v>
      </c>
      <c r="K262" s="59" t="s">
        <v>1062</v>
      </c>
      <c r="L262" s="54" t="s">
        <v>4</v>
      </c>
      <c r="M262" s="54" t="s">
        <v>1031</v>
      </c>
      <c r="N262" s="70" t="s">
        <v>4</v>
      </c>
    </row>
    <row r="263" spans="3:14" s="72" customFormat="1" ht="276.60000000000002" customHeight="1">
      <c r="C263" s="48">
        <v>285</v>
      </c>
      <c r="D263" s="58" t="s">
        <v>0</v>
      </c>
      <c r="E263" s="58" t="s">
        <v>11</v>
      </c>
      <c r="F263" s="58" t="s">
        <v>962</v>
      </c>
      <c r="G263" s="59" t="s">
        <v>1032</v>
      </c>
      <c r="H263" s="59" t="s">
        <v>1095</v>
      </c>
      <c r="I263" s="59" t="s">
        <v>1106</v>
      </c>
      <c r="J263" s="58" t="s">
        <v>62</v>
      </c>
      <c r="K263" s="59" t="s">
        <v>1118</v>
      </c>
      <c r="L263" s="54" t="s">
        <v>1033</v>
      </c>
      <c r="M263" s="54" t="s">
        <v>4</v>
      </c>
      <c r="N263" s="70" t="s">
        <v>4</v>
      </c>
    </row>
    <row r="264" spans="3:14" s="72" customFormat="1" ht="198.6" customHeight="1">
      <c r="C264" s="48">
        <v>287</v>
      </c>
      <c r="D264" s="58" t="s">
        <v>0</v>
      </c>
      <c r="E264" s="58" t="s">
        <v>29</v>
      </c>
      <c r="F264" s="58" t="s">
        <v>1063</v>
      </c>
      <c r="G264" s="59" t="s">
        <v>1034</v>
      </c>
      <c r="H264" s="59" t="s">
        <v>1096</v>
      </c>
      <c r="I264" s="59" t="s">
        <v>1107</v>
      </c>
      <c r="J264" s="58" t="s">
        <v>5</v>
      </c>
      <c r="K264" s="59" t="s">
        <v>1119</v>
      </c>
      <c r="L264" s="54" t="s">
        <v>4</v>
      </c>
      <c r="M264" s="54" t="s">
        <v>4</v>
      </c>
      <c r="N264" s="70" t="s">
        <v>4</v>
      </c>
    </row>
    <row r="265" spans="3:14" s="72" customFormat="1" ht="160.05000000000001" customHeight="1">
      <c r="C265" s="48">
        <v>288</v>
      </c>
      <c r="D265" s="58" t="s">
        <v>0</v>
      </c>
      <c r="E265" s="58" t="s">
        <v>266</v>
      </c>
      <c r="F265" s="58" t="s">
        <v>1056</v>
      </c>
      <c r="G265" s="59" t="s">
        <v>1035</v>
      </c>
      <c r="H265" s="59" t="s">
        <v>1129</v>
      </c>
      <c r="I265" s="59" t="s">
        <v>1064</v>
      </c>
      <c r="J265" s="58" t="s">
        <v>62</v>
      </c>
      <c r="K265" s="59" t="s">
        <v>1065</v>
      </c>
      <c r="L265" s="54" t="s">
        <v>4</v>
      </c>
      <c r="M265" s="54" t="s">
        <v>1036</v>
      </c>
      <c r="N265" s="70" t="s">
        <v>4</v>
      </c>
    </row>
    <row r="266" spans="3:14" s="72" customFormat="1" ht="219.6" customHeight="1">
      <c r="C266" s="48">
        <v>289</v>
      </c>
      <c r="D266" s="58" t="s">
        <v>126</v>
      </c>
      <c r="E266" s="58" t="s">
        <v>11</v>
      </c>
      <c r="F266" s="58" t="s">
        <v>1066</v>
      </c>
      <c r="G266" s="59" t="s">
        <v>1037</v>
      </c>
      <c r="H266" s="59" t="s">
        <v>1097</v>
      </c>
      <c r="I266" s="59" t="s">
        <v>1108</v>
      </c>
      <c r="J266" s="58" t="s">
        <v>5</v>
      </c>
      <c r="K266" s="59" t="s">
        <v>1120</v>
      </c>
      <c r="L266" s="54" t="s">
        <v>4</v>
      </c>
      <c r="M266" s="54" t="s">
        <v>4</v>
      </c>
      <c r="N266" s="70" t="s">
        <v>4</v>
      </c>
    </row>
    <row r="267" spans="3:14" s="72" customFormat="1" ht="160.05000000000001" customHeight="1">
      <c r="C267" s="48">
        <v>290</v>
      </c>
      <c r="D267" s="58" t="s">
        <v>0</v>
      </c>
      <c r="E267" s="58" t="s">
        <v>33</v>
      </c>
      <c r="F267" s="58" t="s">
        <v>968</v>
      </c>
      <c r="G267" s="59" t="s">
        <v>618</v>
      </c>
      <c r="H267" s="59"/>
      <c r="I267" s="59" t="s">
        <v>4</v>
      </c>
      <c r="J267" s="58" t="s">
        <v>62</v>
      </c>
      <c r="K267" s="59" t="s">
        <v>4</v>
      </c>
      <c r="L267" s="54" t="s">
        <v>4</v>
      </c>
      <c r="M267" s="54" t="s">
        <v>4</v>
      </c>
      <c r="N267" s="70" t="s">
        <v>4</v>
      </c>
    </row>
    <row r="268" spans="3:14" s="72" customFormat="1" ht="160.05000000000001" customHeight="1">
      <c r="C268" s="48">
        <v>291</v>
      </c>
      <c r="D268" s="58" t="s">
        <v>0</v>
      </c>
      <c r="E268" s="58" t="s">
        <v>266</v>
      </c>
      <c r="F268" s="58" t="s">
        <v>1067</v>
      </c>
      <c r="G268" s="59" t="s">
        <v>433</v>
      </c>
      <c r="H268" s="59" t="s">
        <v>1068</v>
      </c>
      <c r="I268" s="59" t="s">
        <v>1069</v>
      </c>
      <c r="J268" s="58" t="s">
        <v>5</v>
      </c>
      <c r="K268" s="59" t="s">
        <v>4</v>
      </c>
      <c r="L268" s="54" t="s">
        <v>4</v>
      </c>
      <c r="M268" s="54" t="s">
        <v>4</v>
      </c>
      <c r="N268" s="70" t="s">
        <v>4</v>
      </c>
    </row>
    <row r="269" spans="3:14" s="72" customFormat="1" ht="160.05000000000001" customHeight="1">
      <c r="C269" s="48">
        <v>292</v>
      </c>
      <c r="D269" s="58" t="s">
        <v>0</v>
      </c>
      <c r="E269" s="58" t="s">
        <v>33</v>
      </c>
      <c r="F269" s="58" t="s">
        <v>968</v>
      </c>
      <c r="G269" s="59" t="s">
        <v>1038</v>
      </c>
      <c r="H269" s="59" t="s">
        <v>1070</v>
      </c>
      <c r="I269" s="59" t="s">
        <v>1071</v>
      </c>
      <c r="J269" s="58" t="s">
        <v>5</v>
      </c>
      <c r="K269" s="59" t="s">
        <v>1121</v>
      </c>
      <c r="L269" s="54" t="s">
        <v>4</v>
      </c>
      <c r="M269" s="54" t="s">
        <v>1039</v>
      </c>
      <c r="N269" s="70" t="s">
        <v>4</v>
      </c>
    </row>
    <row r="270" spans="3:14" s="72" customFormat="1" ht="160.05000000000001" customHeight="1">
      <c r="C270" s="48">
        <v>293</v>
      </c>
      <c r="D270" s="58" t="s">
        <v>0</v>
      </c>
      <c r="E270" s="58" t="s">
        <v>29</v>
      </c>
      <c r="F270" s="58" t="s">
        <v>1072</v>
      </c>
      <c r="G270" s="59" t="s">
        <v>7</v>
      </c>
      <c r="H270" s="59" t="s">
        <v>1073</v>
      </c>
      <c r="I270" s="59" t="s">
        <v>1109</v>
      </c>
      <c r="J270" s="58" t="s">
        <v>62</v>
      </c>
      <c r="K270" s="59" t="s">
        <v>1074</v>
      </c>
      <c r="L270" s="54" t="s">
        <v>4</v>
      </c>
      <c r="M270" s="54" t="s">
        <v>4</v>
      </c>
      <c r="N270" s="70" t="s">
        <v>4</v>
      </c>
    </row>
    <row r="271" spans="3:14" s="72" customFormat="1" ht="160.05000000000001" customHeight="1">
      <c r="C271" s="48">
        <v>294</v>
      </c>
      <c r="D271" s="58" t="s">
        <v>0</v>
      </c>
      <c r="E271" s="58" t="s">
        <v>11</v>
      </c>
      <c r="F271" s="58" t="s">
        <v>1075</v>
      </c>
      <c r="G271" s="59" t="s">
        <v>618</v>
      </c>
      <c r="H271" s="59" t="s">
        <v>1098</v>
      </c>
      <c r="I271" s="91"/>
      <c r="J271" s="58" t="s">
        <v>62</v>
      </c>
      <c r="K271" s="59" t="s">
        <v>4</v>
      </c>
      <c r="L271" s="54" t="s">
        <v>1040</v>
      </c>
      <c r="M271" s="54" t="s">
        <v>1041</v>
      </c>
      <c r="N271" s="70" t="s">
        <v>4</v>
      </c>
    </row>
    <row r="272" spans="3:14" s="72" customFormat="1" ht="160.05000000000001" customHeight="1">
      <c r="C272" s="48">
        <v>295</v>
      </c>
      <c r="D272" s="58" t="s">
        <v>0</v>
      </c>
      <c r="E272" s="58" t="s">
        <v>16</v>
      </c>
      <c r="F272" s="58" t="s">
        <v>951</v>
      </c>
      <c r="G272" s="59" t="s">
        <v>347</v>
      </c>
      <c r="H272" s="59" t="s">
        <v>1099</v>
      </c>
      <c r="I272" s="59"/>
      <c r="J272" s="58" t="s">
        <v>62</v>
      </c>
      <c r="K272" s="59" t="s">
        <v>4</v>
      </c>
      <c r="L272" s="54" t="s">
        <v>4</v>
      </c>
      <c r="M272" s="54" t="s">
        <v>4</v>
      </c>
      <c r="N272" s="70" t="s">
        <v>4</v>
      </c>
    </row>
    <row r="273" spans="3:14" s="72" customFormat="1" ht="160.05000000000001" customHeight="1">
      <c r="C273" s="48">
        <v>296</v>
      </c>
      <c r="D273" s="58" t="s">
        <v>0</v>
      </c>
      <c r="E273" s="58" t="s">
        <v>29</v>
      </c>
      <c r="F273" s="58" t="s">
        <v>1076</v>
      </c>
      <c r="G273" s="59" t="s">
        <v>1042</v>
      </c>
      <c r="H273" s="59" t="s">
        <v>4</v>
      </c>
      <c r="I273" s="59"/>
      <c r="J273" s="58" t="s">
        <v>62</v>
      </c>
      <c r="K273" s="59" t="s">
        <v>4</v>
      </c>
      <c r="L273" s="54" t="s">
        <v>4</v>
      </c>
      <c r="M273" s="54" t="s">
        <v>1043</v>
      </c>
      <c r="N273" s="70" t="s">
        <v>4</v>
      </c>
    </row>
    <row r="274" spans="3:14" s="72" customFormat="1" ht="160.05000000000001" customHeight="1">
      <c r="C274" s="48">
        <v>297</v>
      </c>
      <c r="D274" s="58" t="s">
        <v>0</v>
      </c>
      <c r="E274" s="58" t="s">
        <v>1</v>
      </c>
      <c r="F274" s="58" t="s">
        <v>968</v>
      </c>
      <c r="G274" s="59" t="s">
        <v>1044</v>
      </c>
      <c r="H274" s="59" t="s">
        <v>1100</v>
      </c>
      <c r="I274" s="59" t="s">
        <v>1110</v>
      </c>
      <c r="J274" s="58" t="s">
        <v>62</v>
      </c>
      <c r="K274" s="59" t="s">
        <v>4</v>
      </c>
      <c r="L274" s="54" t="s">
        <v>4</v>
      </c>
      <c r="M274" s="54" t="s">
        <v>4</v>
      </c>
      <c r="N274" s="70" t="s">
        <v>4</v>
      </c>
    </row>
    <row r="275" spans="3:14" s="72" customFormat="1" ht="160.05000000000001" customHeight="1">
      <c r="C275" s="48">
        <v>298</v>
      </c>
      <c r="D275" s="58" t="s">
        <v>0</v>
      </c>
      <c r="E275" s="58" t="s">
        <v>33</v>
      </c>
      <c r="F275" s="58" t="s">
        <v>1077</v>
      </c>
      <c r="G275" s="59" t="s">
        <v>19</v>
      </c>
      <c r="H275" s="59" t="s">
        <v>1078</v>
      </c>
      <c r="I275" s="59" t="s">
        <v>1111</v>
      </c>
      <c r="J275" s="58" t="s">
        <v>62</v>
      </c>
      <c r="K275" s="59" t="s">
        <v>4</v>
      </c>
      <c r="L275" s="54" t="s">
        <v>4</v>
      </c>
      <c r="M275" s="54" t="s">
        <v>1045</v>
      </c>
      <c r="N275" s="70" t="s">
        <v>4</v>
      </c>
    </row>
    <row r="276" spans="3:14" s="72" customFormat="1" ht="189.6" customHeight="1">
      <c r="C276" s="48">
        <v>299</v>
      </c>
      <c r="D276" s="58" t="s">
        <v>0</v>
      </c>
      <c r="E276" s="58" t="s">
        <v>16</v>
      </c>
      <c r="F276" s="58" t="s">
        <v>1079</v>
      </c>
      <c r="G276" s="59" t="s">
        <v>1046</v>
      </c>
      <c r="H276" s="59" t="s">
        <v>1101</v>
      </c>
      <c r="I276" s="59" t="s">
        <v>1112</v>
      </c>
      <c r="J276" s="58" t="s">
        <v>5</v>
      </c>
      <c r="K276" s="59" t="s">
        <v>1080</v>
      </c>
      <c r="L276" s="54" t="s">
        <v>1047</v>
      </c>
      <c r="M276" s="54" t="s">
        <v>1048</v>
      </c>
      <c r="N276" s="70" t="s">
        <v>4</v>
      </c>
    </row>
    <row r="277" spans="3:14" s="72" customFormat="1" ht="160.05000000000001" customHeight="1">
      <c r="C277" s="48">
        <v>300</v>
      </c>
      <c r="D277" s="58" t="s">
        <v>0</v>
      </c>
      <c r="E277" s="58" t="s">
        <v>33</v>
      </c>
      <c r="F277" s="58" t="s">
        <v>968</v>
      </c>
      <c r="G277" s="59" t="s">
        <v>7</v>
      </c>
      <c r="H277" s="59" t="s">
        <v>4</v>
      </c>
      <c r="I277" s="59" t="s">
        <v>4</v>
      </c>
      <c r="J277" s="58" t="s">
        <v>62</v>
      </c>
      <c r="K277" s="59" t="s">
        <v>4</v>
      </c>
      <c r="L277" s="54" t="s">
        <v>4</v>
      </c>
      <c r="M277" s="54" t="s">
        <v>4</v>
      </c>
      <c r="N277" s="70" t="s">
        <v>4</v>
      </c>
    </row>
    <row r="278" spans="3:14" s="72" customFormat="1" ht="160.05000000000001" customHeight="1">
      <c r="C278" s="48">
        <v>301</v>
      </c>
      <c r="D278" s="58" t="s">
        <v>0</v>
      </c>
      <c r="E278" s="58" t="s">
        <v>266</v>
      </c>
      <c r="F278" s="58" t="s">
        <v>1067</v>
      </c>
      <c r="G278" s="59" t="s">
        <v>1049</v>
      </c>
      <c r="H278" s="59" t="s">
        <v>1102</v>
      </c>
      <c r="I278" s="59" t="s">
        <v>1113</v>
      </c>
      <c r="J278" s="58" t="s">
        <v>62</v>
      </c>
      <c r="K278" s="59" t="s">
        <v>4</v>
      </c>
      <c r="L278" s="54" t="s">
        <v>4</v>
      </c>
      <c r="M278" s="54" t="s">
        <v>4</v>
      </c>
      <c r="N278" s="70" t="s">
        <v>4</v>
      </c>
    </row>
    <row r="279" spans="3:14" s="72" customFormat="1" ht="160.05000000000001" customHeight="1">
      <c r="C279" s="48">
        <v>302</v>
      </c>
      <c r="D279" s="58" t="s">
        <v>126</v>
      </c>
      <c r="E279" s="58" t="s">
        <v>33</v>
      </c>
      <c r="F279" s="58" t="s">
        <v>985</v>
      </c>
      <c r="G279" s="59" t="s">
        <v>1050</v>
      </c>
      <c r="H279" s="59" t="s">
        <v>1081</v>
      </c>
      <c r="I279" s="59" t="s">
        <v>1114</v>
      </c>
      <c r="J279" s="58" t="s">
        <v>5</v>
      </c>
      <c r="K279" s="59" t="s">
        <v>1122</v>
      </c>
      <c r="L279" s="54" t="s">
        <v>4</v>
      </c>
      <c r="M279" s="54" t="s">
        <v>4</v>
      </c>
      <c r="N279" s="70" t="s">
        <v>4</v>
      </c>
    </row>
    <row r="280" spans="3:14" s="72" customFormat="1" ht="160.05000000000001" customHeight="1">
      <c r="C280" s="48">
        <v>303</v>
      </c>
      <c r="D280" s="58" t="s">
        <v>0</v>
      </c>
      <c r="E280" s="58" t="s">
        <v>33</v>
      </c>
      <c r="F280" s="58" t="s">
        <v>985</v>
      </c>
      <c r="G280" s="59" t="s">
        <v>1051</v>
      </c>
      <c r="H280" s="59"/>
      <c r="I280" s="59" t="s">
        <v>4</v>
      </c>
      <c r="J280" s="58" t="s">
        <v>62</v>
      </c>
      <c r="K280" s="59" t="s">
        <v>4</v>
      </c>
      <c r="L280" s="54" t="s">
        <v>4</v>
      </c>
      <c r="M280" s="54" t="s">
        <v>4</v>
      </c>
      <c r="N280" s="70" t="s">
        <v>4</v>
      </c>
    </row>
    <row r="281" spans="3:14" s="72" customFormat="1" ht="160.05000000000001" customHeight="1">
      <c r="C281" s="48">
        <v>304</v>
      </c>
      <c r="D281" s="58" t="s">
        <v>126</v>
      </c>
      <c r="E281" s="58" t="s">
        <v>33</v>
      </c>
      <c r="F281" s="58" t="s">
        <v>968</v>
      </c>
      <c r="G281" s="59" t="s">
        <v>618</v>
      </c>
      <c r="H281" s="59"/>
      <c r="I281" s="59" t="s">
        <v>4</v>
      </c>
      <c r="J281" s="58" t="s">
        <v>62</v>
      </c>
      <c r="K281" s="59" t="s">
        <v>4</v>
      </c>
      <c r="L281" s="54" t="s">
        <v>4</v>
      </c>
      <c r="M281" s="54" t="s">
        <v>4</v>
      </c>
      <c r="N281" s="70" t="s">
        <v>4</v>
      </c>
    </row>
    <row r="282" spans="3:14" s="72" customFormat="1" ht="257.39999999999998" customHeight="1">
      <c r="C282" s="48">
        <v>305</v>
      </c>
      <c r="D282" s="58" t="s">
        <v>0</v>
      </c>
      <c r="E282" s="58" t="s">
        <v>16</v>
      </c>
      <c r="F282" s="58" t="s">
        <v>1082</v>
      </c>
      <c r="G282" s="59" t="s">
        <v>1052</v>
      </c>
      <c r="H282" s="59" t="s">
        <v>1103</v>
      </c>
      <c r="I282" s="59" t="s">
        <v>1115</v>
      </c>
      <c r="J282" s="58" t="s">
        <v>5</v>
      </c>
      <c r="K282" s="59" t="s">
        <v>1123</v>
      </c>
      <c r="L282" s="54" t="s">
        <v>4</v>
      </c>
      <c r="M282" s="54" t="s">
        <v>4</v>
      </c>
      <c r="N282" s="70" t="s">
        <v>4</v>
      </c>
    </row>
    <row r="283" spans="3:14" s="72" customFormat="1" ht="160.05000000000001" customHeight="1">
      <c r="C283" s="48">
        <v>306</v>
      </c>
      <c r="D283" s="58" t="s">
        <v>0</v>
      </c>
      <c r="E283" s="58" t="s">
        <v>33</v>
      </c>
      <c r="F283" s="58" t="s">
        <v>1083</v>
      </c>
      <c r="G283" s="59" t="s">
        <v>849</v>
      </c>
      <c r="H283" s="59" t="s">
        <v>1084</v>
      </c>
      <c r="I283" s="59" t="s">
        <v>4</v>
      </c>
      <c r="J283" s="58" t="s">
        <v>62</v>
      </c>
      <c r="K283" s="59" t="s">
        <v>4</v>
      </c>
      <c r="L283" s="54" t="s">
        <v>4</v>
      </c>
      <c r="M283" s="54" t="s">
        <v>4</v>
      </c>
      <c r="N283" s="70" t="s">
        <v>4</v>
      </c>
    </row>
    <row r="284" spans="3:14" s="72" customFormat="1" ht="160.05000000000001" customHeight="1">
      <c r="C284" s="48">
        <v>307</v>
      </c>
      <c r="D284" s="58" t="s">
        <v>0</v>
      </c>
      <c r="E284" s="58" t="s">
        <v>33</v>
      </c>
      <c r="F284" s="58" t="s">
        <v>1063</v>
      </c>
      <c r="G284" s="59" t="s">
        <v>1053</v>
      </c>
      <c r="H284" s="59" t="s">
        <v>1085</v>
      </c>
      <c r="I284" s="59" t="s">
        <v>1116</v>
      </c>
      <c r="J284" s="58" t="s">
        <v>62</v>
      </c>
      <c r="K284" s="59" t="s">
        <v>1086</v>
      </c>
      <c r="L284" s="54" t="s">
        <v>4</v>
      </c>
      <c r="M284" s="54" t="s">
        <v>4</v>
      </c>
      <c r="N284" s="70" t="s">
        <v>4</v>
      </c>
    </row>
    <row r="285" spans="3:14" s="72" customFormat="1" ht="295.2" customHeight="1">
      <c r="C285" s="48">
        <v>308</v>
      </c>
      <c r="D285" s="58" t="s">
        <v>0</v>
      </c>
      <c r="E285" s="58" t="s">
        <v>33</v>
      </c>
      <c r="F285" s="58" t="s">
        <v>962</v>
      </c>
      <c r="G285" s="59" t="s">
        <v>7</v>
      </c>
      <c r="H285" s="59" t="s">
        <v>1230</v>
      </c>
      <c r="I285" s="59" t="s">
        <v>1231</v>
      </c>
      <c r="J285" s="58" t="s">
        <v>5</v>
      </c>
      <c r="K285" s="59" t="s">
        <v>1232</v>
      </c>
      <c r="L285" s="54" t="s">
        <v>1182</v>
      </c>
      <c r="M285" s="54" t="s">
        <v>1183</v>
      </c>
      <c r="N285" s="70" t="s">
        <v>4</v>
      </c>
    </row>
    <row r="286" spans="3:14" s="72" customFormat="1" ht="181.2" customHeight="1">
      <c r="C286" s="48">
        <v>309</v>
      </c>
      <c r="D286" s="58" t="s">
        <v>0</v>
      </c>
      <c r="E286" s="58" t="s">
        <v>33</v>
      </c>
      <c r="F286" s="58" t="s">
        <v>1208</v>
      </c>
      <c r="G286" s="59" t="s">
        <v>1184</v>
      </c>
      <c r="H286" s="59" t="s">
        <v>1209</v>
      </c>
      <c r="I286" s="59" t="s">
        <v>1233</v>
      </c>
      <c r="J286" s="58" t="s">
        <v>62</v>
      </c>
      <c r="K286" s="59" t="s">
        <v>1234</v>
      </c>
      <c r="L286" s="54" t="s">
        <v>4</v>
      </c>
      <c r="M286" s="54" t="s">
        <v>4</v>
      </c>
      <c r="N286" s="70" t="s">
        <v>4</v>
      </c>
    </row>
    <row r="287" spans="3:14" s="72" customFormat="1" ht="160.05000000000001" customHeight="1">
      <c r="C287" s="48">
        <v>310</v>
      </c>
      <c r="D287" s="58" t="s">
        <v>0</v>
      </c>
      <c r="E287" s="58" t="s">
        <v>29</v>
      </c>
      <c r="F287" s="58" t="s">
        <v>969</v>
      </c>
      <c r="G287" s="59" t="s">
        <v>1185</v>
      </c>
      <c r="H287" s="59" t="s">
        <v>1235</v>
      </c>
      <c r="I287" s="59" t="s">
        <v>1210</v>
      </c>
      <c r="J287" s="58" t="s">
        <v>5</v>
      </c>
      <c r="K287" s="59" t="s">
        <v>4</v>
      </c>
      <c r="L287" s="54" t="s">
        <v>4</v>
      </c>
      <c r="M287" s="54" t="s">
        <v>4</v>
      </c>
      <c r="N287" s="70" t="s">
        <v>4</v>
      </c>
    </row>
    <row r="288" spans="3:14" s="72" customFormat="1" ht="160.05000000000001" customHeight="1">
      <c r="C288" s="48">
        <v>311</v>
      </c>
      <c r="D288" s="58" t="s">
        <v>0</v>
      </c>
      <c r="E288" s="58" t="s">
        <v>33</v>
      </c>
      <c r="F288" s="58" t="s">
        <v>968</v>
      </c>
      <c r="G288" s="59" t="s">
        <v>1186</v>
      </c>
      <c r="H288" s="59" t="s">
        <v>1001</v>
      </c>
      <c r="I288" s="59" t="s">
        <v>1211</v>
      </c>
      <c r="J288" s="58" t="s">
        <v>62</v>
      </c>
      <c r="K288" s="59" t="s">
        <v>4</v>
      </c>
      <c r="L288" s="54" t="s">
        <v>4</v>
      </c>
      <c r="M288" s="54" t="s">
        <v>1187</v>
      </c>
      <c r="N288" s="70" t="s">
        <v>4</v>
      </c>
    </row>
    <row r="289" spans="3:14" s="72" customFormat="1" ht="198.6" customHeight="1">
      <c r="C289" s="48">
        <v>312</v>
      </c>
      <c r="D289" s="58" t="s">
        <v>0</v>
      </c>
      <c r="E289" s="58" t="s">
        <v>29</v>
      </c>
      <c r="F289" s="58" t="s">
        <v>1212</v>
      </c>
      <c r="G289" s="59" t="s">
        <v>1188</v>
      </c>
      <c r="H289" s="59" t="s">
        <v>1213</v>
      </c>
      <c r="I289" s="59" t="s">
        <v>1245</v>
      </c>
      <c r="J289" s="58" t="s">
        <v>5</v>
      </c>
      <c r="K289" s="59" t="s">
        <v>1246</v>
      </c>
      <c r="L289" s="54" t="s">
        <v>4</v>
      </c>
      <c r="M289" s="54" t="s">
        <v>1189</v>
      </c>
      <c r="N289" s="70" t="s">
        <v>4</v>
      </c>
    </row>
    <row r="290" spans="3:14" s="72" customFormat="1" ht="160.05000000000001" customHeight="1">
      <c r="C290" s="48">
        <v>313</v>
      </c>
      <c r="D290" s="58" t="s">
        <v>0</v>
      </c>
      <c r="E290" s="58" t="s">
        <v>11</v>
      </c>
      <c r="F290" s="58" t="s">
        <v>1214</v>
      </c>
      <c r="G290" s="59" t="s">
        <v>1190</v>
      </c>
      <c r="H290" s="59"/>
      <c r="I290" s="59" t="s">
        <v>4</v>
      </c>
      <c r="J290" s="58" t="s">
        <v>62</v>
      </c>
      <c r="K290" s="59" t="s">
        <v>4</v>
      </c>
      <c r="L290" s="54" t="s">
        <v>4</v>
      </c>
      <c r="M290" s="54" t="s">
        <v>4</v>
      </c>
      <c r="N290" s="70" t="s">
        <v>4</v>
      </c>
    </row>
    <row r="291" spans="3:14" s="72" customFormat="1" ht="160.05000000000001" customHeight="1">
      <c r="C291" s="48">
        <v>314</v>
      </c>
      <c r="D291" s="58" t="s">
        <v>0</v>
      </c>
      <c r="E291" s="58" t="s">
        <v>29</v>
      </c>
      <c r="F291" s="58" t="s">
        <v>968</v>
      </c>
      <c r="G291" s="59" t="s">
        <v>1191</v>
      </c>
      <c r="H291" s="59" t="s">
        <v>1215</v>
      </c>
      <c r="I291" s="59" t="s">
        <v>968</v>
      </c>
      <c r="J291" s="58" t="s">
        <v>5</v>
      </c>
      <c r="K291" s="59" t="s">
        <v>1216</v>
      </c>
      <c r="L291" s="54" t="s">
        <v>4</v>
      </c>
      <c r="M291" s="54" t="s">
        <v>1192</v>
      </c>
      <c r="N291" s="70" t="s">
        <v>4</v>
      </c>
    </row>
    <row r="292" spans="3:14" s="72" customFormat="1" ht="247.2" customHeight="1">
      <c r="C292" s="48">
        <v>315</v>
      </c>
      <c r="D292" s="58" t="s">
        <v>0</v>
      </c>
      <c r="E292" s="58" t="s">
        <v>11</v>
      </c>
      <c r="F292" s="58" t="s">
        <v>969</v>
      </c>
      <c r="G292" s="59" t="s">
        <v>7</v>
      </c>
      <c r="H292" s="59" t="s">
        <v>4</v>
      </c>
      <c r="I292" s="59" t="s">
        <v>1244</v>
      </c>
      <c r="J292" s="58" t="s">
        <v>5</v>
      </c>
      <c r="K292" s="59" t="s">
        <v>1247</v>
      </c>
      <c r="L292" s="54" t="s">
        <v>1193</v>
      </c>
      <c r="M292" s="54" t="s">
        <v>1194</v>
      </c>
      <c r="N292" s="70" t="s">
        <v>4</v>
      </c>
    </row>
    <row r="293" spans="3:14" s="72" customFormat="1" ht="160.05000000000001" customHeight="1">
      <c r="C293" s="48">
        <v>316</v>
      </c>
      <c r="D293" s="58" t="s">
        <v>0</v>
      </c>
      <c r="E293" s="58" t="s">
        <v>16</v>
      </c>
      <c r="F293" s="58" t="s">
        <v>1217</v>
      </c>
      <c r="G293" s="59" t="s">
        <v>1184</v>
      </c>
      <c r="H293" s="59" t="s">
        <v>1218</v>
      </c>
      <c r="I293" s="59" t="s">
        <v>1243</v>
      </c>
      <c r="J293" s="58" t="s">
        <v>5</v>
      </c>
      <c r="K293" s="59" t="s">
        <v>1219</v>
      </c>
      <c r="L293" s="54" t="s">
        <v>1195</v>
      </c>
      <c r="M293" s="54" t="s">
        <v>1196</v>
      </c>
      <c r="N293" s="70" t="s">
        <v>4</v>
      </c>
    </row>
    <row r="294" spans="3:14" s="72" customFormat="1" ht="231.6" customHeight="1">
      <c r="C294" s="48">
        <v>317</v>
      </c>
      <c r="D294" s="58" t="s">
        <v>0</v>
      </c>
      <c r="E294" s="58" t="s">
        <v>33</v>
      </c>
      <c r="F294" s="58" t="s">
        <v>948</v>
      </c>
      <c r="G294" s="59" t="s">
        <v>1197</v>
      </c>
      <c r="H294" s="59" t="s">
        <v>1220</v>
      </c>
      <c r="I294" s="59" t="s">
        <v>1242</v>
      </c>
      <c r="J294" s="58" t="s">
        <v>5</v>
      </c>
      <c r="K294" s="59" t="s">
        <v>1248</v>
      </c>
      <c r="L294" s="54" t="s">
        <v>4</v>
      </c>
      <c r="M294" s="54" t="s">
        <v>4</v>
      </c>
      <c r="N294" s="70" t="s">
        <v>4</v>
      </c>
    </row>
    <row r="295" spans="3:14" s="72" customFormat="1" ht="160.05000000000001" customHeight="1">
      <c r="C295" s="48">
        <v>318</v>
      </c>
      <c r="D295" s="58" t="s">
        <v>0</v>
      </c>
      <c r="E295" s="58" t="s">
        <v>266</v>
      </c>
      <c r="F295" s="58" t="s">
        <v>1057</v>
      </c>
      <c r="G295" s="59" t="s">
        <v>7</v>
      </c>
      <c r="H295" s="59" t="s">
        <v>4</v>
      </c>
      <c r="I295" s="59" t="s">
        <v>4</v>
      </c>
      <c r="J295" s="58" t="s">
        <v>62</v>
      </c>
      <c r="K295" s="59" t="s">
        <v>4</v>
      </c>
      <c r="L295" s="54" t="s">
        <v>4</v>
      </c>
      <c r="M295" s="54" t="s">
        <v>1198</v>
      </c>
      <c r="N295" s="70" t="s">
        <v>4</v>
      </c>
    </row>
    <row r="296" spans="3:14" s="72" customFormat="1" ht="160.05000000000001" customHeight="1">
      <c r="C296" s="48">
        <v>319</v>
      </c>
      <c r="D296" s="58" t="s">
        <v>0</v>
      </c>
      <c r="E296" s="58" t="s">
        <v>29</v>
      </c>
      <c r="F296" s="58" t="s">
        <v>1221</v>
      </c>
      <c r="G296" s="59" t="s">
        <v>1199</v>
      </c>
      <c r="H296" s="59" t="s">
        <v>1236</v>
      </c>
      <c r="I296" s="59" t="s">
        <v>1222</v>
      </c>
      <c r="J296" s="58" t="s">
        <v>62</v>
      </c>
      <c r="K296" s="59" t="s">
        <v>4</v>
      </c>
      <c r="L296" s="54" t="s">
        <v>4</v>
      </c>
      <c r="M296" s="54" t="s">
        <v>4</v>
      </c>
      <c r="N296" s="70" t="s">
        <v>4</v>
      </c>
    </row>
    <row r="297" spans="3:14" s="72" customFormat="1" ht="160.05000000000001" customHeight="1">
      <c r="C297" s="48">
        <v>320</v>
      </c>
      <c r="D297" s="58" t="s">
        <v>0</v>
      </c>
      <c r="E297" s="58" t="s">
        <v>1</v>
      </c>
      <c r="F297" s="58" t="s">
        <v>1063</v>
      </c>
      <c r="G297" s="59" t="s">
        <v>1200</v>
      </c>
      <c r="H297" s="59" t="s">
        <v>1223</v>
      </c>
      <c r="I297" s="59" t="s">
        <v>1241</v>
      </c>
      <c r="J297" s="58" t="s">
        <v>62</v>
      </c>
      <c r="K297" s="59" t="s">
        <v>4</v>
      </c>
      <c r="L297" s="54" t="s">
        <v>1201</v>
      </c>
      <c r="M297" s="54" t="s">
        <v>1202</v>
      </c>
      <c r="N297" s="70" t="s">
        <v>4</v>
      </c>
    </row>
    <row r="298" spans="3:14" s="72" customFormat="1" ht="160.05000000000001" customHeight="1">
      <c r="C298" s="48">
        <v>321</v>
      </c>
      <c r="D298" s="58" t="s">
        <v>0</v>
      </c>
      <c r="E298" s="58" t="s">
        <v>16</v>
      </c>
      <c r="F298" s="58" t="s">
        <v>1224</v>
      </c>
      <c r="G298" s="59" t="s">
        <v>19</v>
      </c>
      <c r="H298" s="59" t="s">
        <v>1249</v>
      </c>
      <c r="I298" s="59" t="s">
        <v>1240</v>
      </c>
      <c r="J298" s="58" t="s">
        <v>5</v>
      </c>
      <c r="K298" s="59" t="s">
        <v>4</v>
      </c>
      <c r="L298" s="54" t="s">
        <v>4</v>
      </c>
      <c r="M298" s="54" t="s">
        <v>1203</v>
      </c>
      <c r="N298" s="70" t="s">
        <v>4</v>
      </c>
    </row>
    <row r="299" spans="3:14" s="72" customFormat="1" ht="160.05000000000001" customHeight="1">
      <c r="C299" s="48">
        <v>322</v>
      </c>
      <c r="D299" s="58" t="s">
        <v>126</v>
      </c>
      <c r="E299" s="58" t="s">
        <v>33</v>
      </c>
      <c r="F299" s="58" t="s">
        <v>1225</v>
      </c>
      <c r="G299" s="59" t="s">
        <v>7</v>
      </c>
      <c r="H299" s="59" t="s">
        <v>4</v>
      </c>
      <c r="I299" s="59" t="s">
        <v>4</v>
      </c>
      <c r="J299" s="58" t="s">
        <v>62</v>
      </c>
      <c r="K299" s="59" t="s">
        <v>4</v>
      </c>
      <c r="L299" s="54" t="s">
        <v>4</v>
      </c>
      <c r="M299" s="54" t="s">
        <v>4</v>
      </c>
      <c r="N299" s="70" t="s">
        <v>4</v>
      </c>
    </row>
    <row r="300" spans="3:14" s="72" customFormat="1" ht="160.05000000000001" customHeight="1">
      <c r="C300" s="48">
        <v>323</v>
      </c>
      <c r="D300" s="58" t="s">
        <v>126</v>
      </c>
      <c r="E300" s="58" t="s">
        <v>29</v>
      </c>
      <c r="F300" s="58" t="s">
        <v>968</v>
      </c>
      <c r="G300" s="59" t="s">
        <v>1186</v>
      </c>
      <c r="H300" s="59" t="s">
        <v>1226</v>
      </c>
      <c r="I300" s="59" t="s">
        <v>1250</v>
      </c>
      <c r="J300" s="58" t="s">
        <v>62</v>
      </c>
      <c r="K300" s="59" t="s">
        <v>4</v>
      </c>
      <c r="L300" s="54" t="s">
        <v>4</v>
      </c>
      <c r="M300" s="54" t="s">
        <v>4</v>
      </c>
      <c r="N300" s="70" t="s">
        <v>4</v>
      </c>
    </row>
    <row r="301" spans="3:14" s="72" customFormat="1" ht="160.05000000000001" customHeight="1">
      <c r="C301" s="48">
        <v>324</v>
      </c>
      <c r="D301" s="58" t="s">
        <v>126</v>
      </c>
      <c r="E301" s="58" t="s">
        <v>29</v>
      </c>
      <c r="F301" s="58" t="s">
        <v>1225</v>
      </c>
      <c r="G301" s="59" t="s">
        <v>1204</v>
      </c>
      <c r="H301" s="59" t="s">
        <v>1227</v>
      </c>
      <c r="I301" s="59" t="s">
        <v>1239</v>
      </c>
      <c r="J301" s="58" t="s">
        <v>5</v>
      </c>
      <c r="K301" s="59" t="s">
        <v>4</v>
      </c>
      <c r="L301" s="54" t="s">
        <v>4</v>
      </c>
      <c r="M301" s="54" t="s">
        <v>4</v>
      </c>
      <c r="N301" s="70" t="s">
        <v>4</v>
      </c>
    </row>
    <row r="302" spans="3:14" s="72" customFormat="1" ht="160.05000000000001" customHeight="1">
      <c r="C302" s="48">
        <v>325</v>
      </c>
      <c r="D302" s="58" t="s">
        <v>0</v>
      </c>
      <c r="E302" s="58" t="s">
        <v>33</v>
      </c>
      <c r="F302" s="58" t="s">
        <v>968</v>
      </c>
      <c r="G302" s="59" t="s">
        <v>612</v>
      </c>
      <c r="H302" s="59" t="s">
        <v>4</v>
      </c>
      <c r="I302" s="59" t="s">
        <v>1238</v>
      </c>
      <c r="J302" s="58" t="s">
        <v>62</v>
      </c>
      <c r="K302" s="59" t="s">
        <v>4</v>
      </c>
      <c r="L302" s="54" t="s">
        <v>4</v>
      </c>
      <c r="M302" s="54" t="s">
        <v>4</v>
      </c>
      <c r="N302" s="70" t="s">
        <v>4</v>
      </c>
    </row>
    <row r="303" spans="3:14" s="72" customFormat="1" ht="195.6" customHeight="1">
      <c r="C303" s="48">
        <v>326</v>
      </c>
      <c r="D303" s="58" t="s">
        <v>0</v>
      </c>
      <c r="E303" s="58" t="s">
        <v>29</v>
      </c>
      <c r="F303" s="58" t="s">
        <v>951</v>
      </c>
      <c r="G303" s="59" t="s">
        <v>1205</v>
      </c>
      <c r="H303" s="59" t="s">
        <v>1228</v>
      </c>
      <c r="I303" s="59" t="s">
        <v>1237</v>
      </c>
      <c r="J303" s="58" t="s">
        <v>5</v>
      </c>
      <c r="K303" s="59" t="s">
        <v>1229</v>
      </c>
      <c r="L303" s="54" t="s">
        <v>1206</v>
      </c>
      <c r="M303" s="54" t="s">
        <v>1207</v>
      </c>
      <c r="N303" s="70" t="s">
        <v>4</v>
      </c>
    </row>
    <row r="304" spans="3:14" s="72" customFormat="1" ht="403.2" customHeight="1">
      <c r="C304" s="48">
        <v>327</v>
      </c>
      <c r="D304" s="58" t="s">
        <v>126</v>
      </c>
      <c r="E304" s="58" t="s">
        <v>16</v>
      </c>
      <c r="F304" s="58" t="s">
        <v>969</v>
      </c>
      <c r="G304" s="59" t="s">
        <v>1357</v>
      </c>
      <c r="H304" s="59" t="s">
        <v>1355</v>
      </c>
      <c r="I304" s="59" t="s">
        <v>1360</v>
      </c>
      <c r="J304" s="58" t="s">
        <v>1354</v>
      </c>
      <c r="K304" s="59" t="s">
        <v>1359</v>
      </c>
      <c r="L304" s="54" t="s">
        <v>4</v>
      </c>
      <c r="M304" s="54" t="s">
        <v>1358</v>
      </c>
      <c r="N304" s="70" t="s">
        <v>4</v>
      </c>
    </row>
    <row r="305" spans="3:14" s="72" customFormat="1" ht="195.6" customHeight="1">
      <c r="C305" s="48">
        <v>329</v>
      </c>
      <c r="D305" s="58" t="s">
        <v>0</v>
      </c>
      <c r="E305" s="58" t="s">
        <v>16</v>
      </c>
      <c r="F305" s="58" t="s">
        <v>968</v>
      </c>
      <c r="G305" s="59" t="s">
        <v>1356</v>
      </c>
      <c r="H305" s="59" t="s">
        <v>1070</v>
      </c>
      <c r="I305" s="59" t="s">
        <v>1278</v>
      </c>
      <c r="J305" s="58" t="s">
        <v>62</v>
      </c>
      <c r="K305" s="59" t="s">
        <v>1293</v>
      </c>
      <c r="L305" s="54" t="s">
        <v>4</v>
      </c>
      <c r="M305" s="54" t="s">
        <v>4</v>
      </c>
      <c r="N305" s="70" t="s">
        <v>4</v>
      </c>
    </row>
    <row r="306" spans="3:14" s="72" customFormat="1" ht="195.6" customHeight="1">
      <c r="C306" s="48">
        <v>330</v>
      </c>
      <c r="D306" s="58" t="s">
        <v>0</v>
      </c>
      <c r="E306" s="58" t="s">
        <v>33</v>
      </c>
      <c r="F306" s="58" t="s">
        <v>1067</v>
      </c>
      <c r="G306" s="59" t="s">
        <v>7</v>
      </c>
      <c r="H306" s="59" t="s">
        <v>1288</v>
      </c>
      <c r="I306" s="59" t="s">
        <v>1279</v>
      </c>
      <c r="J306" s="58" t="s">
        <v>5</v>
      </c>
      <c r="K306" s="59" t="s">
        <v>4</v>
      </c>
      <c r="L306" s="54" t="s">
        <v>4</v>
      </c>
      <c r="M306" s="54" t="s">
        <v>1251</v>
      </c>
      <c r="N306" s="70" t="s">
        <v>4</v>
      </c>
    </row>
    <row r="307" spans="3:14" s="72" customFormat="1" ht="195.6" customHeight="1">
      <c r="C307" s="48">
        <v>331</v>
      </c>
      <c r="D307" s="58" t="s">
        <v>0</v>
      </c>
      <c r="E307" s="58" t="s">
        <v>266</v>
      </c>
      <c r="F307" s="58" t="s">
        <v>1265</v>
      </c>
      <c r="G307" s="59" t="s">
        <v>1252</v>
      </c>
      <c r="H307" s="59" t="s">
        <v>1266</v>
      </c>
      <c r="I307" s="59" t="s">
        <v>1267</v>
      </c>
      <c r="J307" s="58" t="s">
        <v>5</v>
      </c>
      <c r="K307" s="59" t="s">
        <v>1268</v>
      </c>
      <c r="L307" s="54" t="s">
        <v>1253</v>
      </c>
      <c r="M307" s="54" t="s">
        <v>1254</v>
      </c>
      <c r="N307" s="70" t="s">
        <v>4</v>
      </c>
    </row>
    <row r="308" spans="3:14" s="72" customFormat="1" ht="195.6" customHeight="1">
      <c r="C308" s="48">
        <v>332</v>
      </c>
      <c r="D308" s="58" t="s">
        <v>0</v>
      </c>
      <c r="E308" s="58" t="s">
        <v>11</v>
      </c>
      <c r="F308" s="58" t="s">
        <v>1269</v>
      </c>
      <c r="G308" s="59" t="s">
        <v>1255</v>
      </c>
      <c r="H308" s="59" t="s">
        <v>1270</v>
      </c>
      <c r="I308" s="59" t="s">
        <v>1280</v>
      </c>
      <c r="J308" s="58" t="s">
        <v>5</v>
      </c>
      <c r="K308" s="59" t="s">
        <v>1294</v>
      </c>
      <c r="L308" s="54" t="s">
        <v>4</v>
      </c>
      <c r="M308" s="54" t="s">
        <v>1256</v>
      </c>
      <c r="N308" s="70" t="s">
        <v>4</v>
      </c>
    </row>
    <row r="309" spans="3:14" s="72" customFormat="1" ht="409.6" customHeight="1">
      <c r="C309" s="48">
        <v>333</v>
      </c>
      <c r="D309" s="58" t="s">
        <v>0</v>
      </c>
      <c r="E309" s="58" t="s">
        <v>11</v>
      </c>
      <c r="F309" s="58" t="s">
        <v>1224</v>
      </c>
      <c r="G309" s="59" t="s">
        <v>1252</v>
      </c>
      <c r="H309" s="59" t="s">
        <v>1271</v>
      </c>
      <c r="I309" s="69" t="s">
        <v>1281</v>
      </c>
      <c r="J309" s="58" t="s">
        <v>5</v>
      </c>
      <c r="K309" s="59" t="s">
        <v>4</v>
      </c>
      <c r="L309" s="54" t="s">
        <v>4</v>
      </c>
      <c r="M309" s="54" t="s">
        <v>1257</v>
      </c>
      <c r="N309" s="70" t="s">
        <v>4</v>
      </c>
    </row>
    <row r="310" spans="3:14" s="72" customFormat="1" ht="409.6" customHeight="1">
      <c r="C310" s="48">
        <v>334</v>
      </c>
      <c r="D310" s="58" t="s">
        <v>0</v>
      </c>
      <c r="E310" s="58" t="s">
        <v>16</v>
      </c>
      <c r="F310" s="58" t="s">
        <v>962</v>
      </c>
      <c r="G310" s="59" t="s">
        <v>74</v>
      </c>
      <c r="H310" s="59" t="s">
        <v>1289</v>
      </c>
      <c r="I310" s="90" t="s">
        <v>1292</v>
      </c>
      <c r="J310" s="58" t="s">
        <v>5</v>
      </c>
      <c r="K310" s="90" t="s">
        <v>1295</v>
      </c>
      <c r="L310" s="54" t="s">
        <v>1258</v>
      </c>
      <c r="M310" s="54" t="s">
        <v>1259</v>
      </c>
      <c r="N310" s="70" t="s">
        <v>1260</v>
      </c>
    </row>
    <row r="311" spans="3:14" s="72" customFormat="1" ht="409.2" customHeight="1">
      <c r="C311" s="48">
        <v>335</v>
      </c>
      <c r="D311" s="58" t="s">
        <v>0</v>
      </c>
      <c r="E311" s="58" t="s">
        <v>33</v>
      </c>
      <c r="F311" s="58" t="s">
        <v>948</v>
      </c>
      <c r="G311" s="59" t="s">
        <v>108</v>
      </c>
      <c r="H311" s="59" t="s">
        <v>1290</v>
      </c>
      <c r="I311" s="59" t="s">
        <v>1272</v>
      </c>
      <c r="J311" s="58" t="s">
        <v>5</v>
      </c>
      <c r="K311" s="94" t="s">
        <v>1296</v>
      </c>
      <c r="L311" s="54" t="s">
        <v>4</v>
      </c>
      <c r="M311" s="54" t="s">
        <v>4</v>
      </c>
      <c r="N311" s="70" t="s">
        <v>4</v>
      </c>
    </row>
    <row r="312" spans="3:14" s="72" customFormat="1" ht="356.4" customHeight="1">
      <c r="C312" s="48">
        <v>336</v>
      </c>
      <c r="D312" s="58" t="s">
        <v>0</v>
      </c>
      <c r="E312" s="58" t="s">
        <v>11</v>
      </c>
      <c r="F312" s="58" t="s">
        <v>968</v>
      </c>
      <c r="G312" s="59" t="s">
        <v>849</v>
      </c>
      <c r="H312" s="59" t="s">
        <v>1001</v>
      </c>
      <c r="I312" s="59" t="s">
        <v>1282</v>
      </c>
      <c r="J312" s="58" t="s">
        <v>5</v>
      </c>
      <c r="K312" s="59" t="s">
        <v>1286</v>
      </c>
      <c r="L312" s="54" t="s">
        <v>4</v>
      </c>
      <c r="M312" s="54" t="s">
        <v>1261</v>
      </c>
      <c r="N312" s="70" t="s">
        <v>4</v>
      </c>
    </row>
    <row r="313" spans="3:14" s="72" customFormat="1" ht="195.6" customHeight="1">
      <c r="C313" s="48">
        <v>337</v>
      </c>
      <c r="D313" s="58" t="s">
        <v>0</v>
      </c>
      <c r="E313" s="58" t="s">
        <v>266</v>
      </c>
      <c r="F313" s="58" t="s">
        <v>941</v>
      </c>
      <c r="G313" s="59" t="s">
        <v>433</v>
      </c>
      <c r="H313" s="59" t="s">
        <v>1273</v>
      </c>
      <c r="I313" s="59" t="s">
        <v>1283</v>
      </c>
      <c r="J313" s="58" t="s">
        <v>5</v>
      </c>
      <c r="K313" s="59" t="s">
        <v>1285</v>
      </c>
      <c r="L313" s="54" t="s">
        <v>1262</v>
      </c>
      <c r="M313" s="54" t="s">
        <v>1263</v>
      </c>
      <c r="N313" s="70" t="s">
        <v>4</v>
      </c>
    </row>
    <row r="314" spans="3:14" s="72" customFormat="1" ht="195.6" customHeight="1">
      <c r="C314" s="48">
        <v>338</v>
      </c>
      <c r="D314" s="58" t="s">
        <v>126</v>
      </c>
      <c r="E314" s="58" t="s">
        <v>33</v>
      </c>
      <c r="F314" s="58" t="s">
        <v>1274</v>
      </c>
      <c r="G314" s="59" t="s">
        <v>350</v>
      </c>
      <c r="H314" s="59" t="s">
        <v>1284</v>
      </c>
      <c r="I314" s="59" t="s">
        <v>1291</v>
      </c>
      <c r="J314" s="58" t="s">
        <v>5</v>
      </c>
      <c r="K314" s="59" t="s">
        <v>1297</v>
      </c>
      <c r="L314" s="54" t="s">
        <v>1264</v>
      </c>
      <c r="M314" s="54" t="s">
        <v>4</v>
      </c>
      <c r="N314" s="70" t="s">
        <v>4</v>
      </c>
    </row>
    <row r="315" spans="3:14" s="72" customFormat="1" ht="195.6" customHeight="1">
      <c r="C315" s="48">
        <v>340</v>
      </c>
      <c r="D315" s="58" t="s">
        <v>0</v>
      </c>
      <c r="E315" s="58" t="s">
        <v>1298</v>
      </c>
      <c r="F315" s="58" t="s">
        <v>948</v>
      </c>
      <c r="G315" s="59" t="s">
        <v>1299</v>
      </c>
      <c r="H315" s="59" t="s">
        <v>4</v>
      </c>
      <c r="I315" s="59" t="s">
        <v>1317</v>
      </c>
      <c r="J315" s="58" t="s">
        <v>62</v>
      </c>
      <c r="K315" s="59" t="s">
        <v>1320</v>
      </c>
      <c r="L315" s="54" t="s">
        <v>1300</v>
      </c>
      <c r="M315" s="54" t="s">
        <v>4</v>
      </c>
      <c r="N315" s="70" t="s">
        <v>4</v>
      </c>
    </row>
    <row r="316" spans="3:14" s="72" customFormat="1" ht="195.6" customHeight="1">
      <c r="C316" s="48">
        <v>341</v>
      </c>
      <c r="D316" s="58" t="s">
        <v>0</v>
      </c>
      <c r="E316" s="58" t="s">
        <v>29</v>
      </c>
      <c r="F316" s="58" t="s">
        <v>968</v>
      </c>
      <c r="G316" s="59" t="s">
        <v>1301</v>
      </c>
      <c r="H316" s="59" t="s">
        <v>1307</v>
      </c>
      <c r="I316" s="59" t="s">
        <v>1318</v>
      </c>
      <c r="J316" s="58" t="s">
        <v>62</v>
      </c>
      <c r="K316" s="59" t="s">
        <v>1321</v>
      </c>
      <c r="L316" s="54" t="s">
        <v>4</v>
      </c>
      <c r="M316" s="54" t="s">
        <v>4</v>
      </c>
      <c r="N316" s="70" t="s">
        <v>4</v>
      </c>
    </row>
    <row r="317" spans="3:14" s="72" customFormat="1" ht="353.4" customHeight="1">
      <c r="C317" s="48">
        <v>342</v>
      </c>
      <c r="D317" s="58" t="s">
        <v>126</v>
      </c>
      <c r="E317" s="58" t="s">
        <v>16</v>
      </c>
      <c r="F317" s="58" t="s">
        <v>1308</v>
      </c>
      <c r="G317" s="59" t="s">
        <v>361</v>
      </c>
      <c r="H317" s="59" t="s">
        <v>4</v>
      </c>
      <c r="I317" s="59" t="s">
        <v>1322</v>
      </c>
      <c r="J317" s="58" t="s">
        <v>5</v>
      </c>
      <c r="K317" s="59" t="s">
        <v>1323</v>
      </c>
      <c r="L317" s="54" t="s">
        <v>4</v>
      </c>
      <c r="M317" s="54" t="s">
        <v>1302</v>
      </c>
      <c r="N317" s="70" t="s">
        <v>4</v>
      </c>
    </row>
    <row r="318" spans="3:14" s="72" customFormat="1" ht="403.8" customHeight="1">
      <c r="C318" s="48">
        <v>343</v>
      </c>
      <c r="D318" s="58" t="s">
        <v>0</v>
      </c>
      <c r="E318" s="58" t="s">
        <v>16</v>
      </c>
      <c r="F318" s="58" t="s">
        <v>1309</v>
      </c>
      <c r="G318" s="59" t="s">
        <v>1303</v>
      </c>
      <c r="H318" s="59" t="s">
        <v>4</v>
      </c>
      <c r="I318" s="59" t="s">
        <v>1328</v>
      </c>
      <c r="J318" s="58" t="s">
        <v>5</v>
      </c>
      <c r="K318" s="93" t="s">
        <v>1329</v>
      </c>
      <c r="L318" s="54" t="s">
        <v>4</v>
      </c>
      <c r="M318" s="54" t="s">
        <v>1304</v>
      </c>
      <c r="N318" s="70" t="s">
        <v>4</v>
      </c>
    </row>
    <row r="319" spans="3:14" s="72" customFormat="1" ht="257.39999999999998" customHeight="1">
      <c r="C319" s="48">
        <v>345</v>
      </c>
      <c r="D319" s="58" t="s">
        <v>0</v>
      </c>
      <c r="E319" s="58" t="s">
        <v>16</v>
      </c>
      <c r="F319" s="58" t="s">
        <v>951</v>
      </c>
      <c r="G319" s="59" t="s">
        <v>12</v>
      </c>
      <c r="H319" s="59" t="s">
        <v>1310</v>
      </c>
      <c r="I319" s="59" t="s">
        <v>1319</v>
      </c>
      <c r="J319" s="58" t="s">
        <v>62</v>
      </c>
      <c r="K319" s="59" t="s">
        <v>1311</v>
      </c>
      <c r="L319" s="54" t="s">
        <v>1305</v>
      </c>
      <c r="M319" s="54" t="s">
        <v>1306</v>
      </c>
      <c r="N319" s="70" t="s">
        <v>4</v>
      </c>
    </row>
    <row r="320" spans="3:14" s="72" customFormat="1" ht="409.2" customHeight="1">
      <c r="C320" s="48">
        <v>346</v>
      </c>
      <c r="D320" s="58" t="s">
        <v>126</v>
      </c>
      <c r="E320" s="58" t="s">
        <v>1</v>
      </c>
      <c r="F320" s="58" t="s">
        <v>969</v>
      </c>
      <c r="G320" s="59" t="s">
        <v>1334</v>
      </c>
      <c r="H320" s="59" t="s">
        <v>4</v>
      </c>
      <c r="I320" s="59" t="s">
        <v>1337</v>
      </c>
      <c r="J320" s="58" t="s">
        <v>5</v>
      </c>
      <c r="K320" s="90" t="s">
        <v>1338</v>
      </c>
      <c r="L320" s="54" t="s">
        <v>4</v>
      </c>
      <c r="M320" s="54" t="s">
        <v>4</v>
      </c>
      <c r="N320" s="70" t="s">
        <v>4</v>
      </c>
    </row>
    <row r="321" spans="3:14" s="72" customFormat="1" ht="195" customHeight="1">
      <c r="C321" s="48">
        <v>347</v>
      </c>
      <c r="D321" s="58" t="s">
        <v>0</v>
      </c>
      <c r="E321" s="58" t="s">
        <v>33</v>
      </c>
      <c r="F321" s="58" t="s">
        <v>968</v>
      </c>
      <c r="G321" s="59" t="s">
        <v>12</v>
      </c>
      <c r="H321" s="59" t="s">
        <v>1001</v>
      </c>
      <c r="I321" s="59" t="s">
        <v>4</v>
      </c>
      <c r="J321" s="58" t="s">
        <v>5</v>
      </c>
      <c r="K321" s="59" t="s">
        <v>4</v>
      </c>
      <c r="L321" s="54" t="s">
        <v>1335</v>
      </c>
      <c r="M321" s="54" t="s">
        <v>1336</v>
      </c>
      <c r="N321" s="70" t="s">
        <v>4</v>
      </c>
    </row>
    <row r="322" spans="3:14" s="72" customFormat="1" ht="195" customHeight="1">
      <c r="C322" s="48">
        <v>348</v>
      </c>
      <c r="D322" s="58" t="s">
        <v>0</v>
      </c>
      <c r="E322" s="58" t="s">
        <v>29</v>
      </c>
      <c r="F322" s="58" t="s">
        <v>1056</v>
      </c>
      <c r="G322" s="59" t="s">
        <v>1339</v>
      </c>
      <c r="H322" s="59" t="s">
        <v>1347</v>
      </c>
      <c r="I322" s="59" t="s">
        <v>1350</v>
      </c>
      <c r="J322" s="58" t="s">
        <v>5</v>
      </c>
      <c r="K322" s="59" t="s">
        <v>1340</v>
      </c>
      <c r="L322" s="54" t="s">
        <v>1341</v>
      </c>
      <c r="M322" s="54" t="s">
        <v>4</v>
      </c>
      <c r="N322" s="70" t="s">
        <v>4</v>
      </c>
    </row>
    <row r="323" spans="3:14" s="72" customFormat="1" ht="321" customHeight="1">
      <c r="C323" s="48">
        <v>349</v>
      </c>
      <c r="D323" s="58" t="s">
        <v>0</v>
      </c>
      <c r="E323" s="58" t="s">
        <v>16</v>
      </c>
      <c r="F323" s="58" t="s">
        <v>951</v>
      </c>
      <c r="G323" s="59" t="s">
        <v>1342</v>
      </c>
      <c r="H323" s="59" t="s">
        <v>1348</v>
      </c>
      <c r="I323" s="59" t="s">
        <v>1343</v>
      </c>
      <c r="J323" s="58" t="s">
        <v>5</v>
      </c>
      <c r="K323" s="59" t="s">
        <v>1351</v>
      </c>
      <c r="L323" s="54" t="s">
        <v>4</v>
      </c>
      <c r="M323" s="54" t="s">
        <v>1344</v>
      </c>
      <c r="N323" s="70" t="s">
        <v>4</v>
      </c>
    </row>
    <row r="324" spans="3:14" s="72" customFormat="1" ht="409.6" customHeight="1">
      <c r="C324" s="48">
        <v>350</v>
      </c>
      <c r="D324" s="58" t="s">
        <v>0</v>
      </c>
      <c r="E324" s="58" t="s">
        <v>1</v>
      </c>
      <c r="F324" s="58" t="s">
        <v>1349</v>
      </c>
      <c r="G324" s="59" t="s">
        <v>1345</v>
      </c>
      <c r="H324" s="59" t="s">
        <v>4</v>
      </c>
      <c r="I324" s="59" t="s">
        <v>1352</v>
      </c>
      <c r="J324" s="58" t="s">
        <v>5</v>
      </c>
      <c r="K324" s="59" t="s">
        <v>1353</v>
      </c>
      <c r="L324" s="54" t="s">
        <v>4</v>
      </c>
      <c r="M324" s="54" t="s">
        <v>1346</v>
      </c>
      <c r="N324" s="70" t="s">
        <v>4</v>
      </c>
    </row>
    <row r="325" spans="3:14" s="72" customFormat="1" ht="147" customHeight="1">
      <c r="C325" s="48">
        <v>352</v>
      </c>
      <c r="D325" s="58" t="s">
        <v>0</v>
      </c>
      <c r="E325" s="58" t="s">
        <v>16</v>
      </c>
      <c r="F325" s="58" t="s">
        <v>1056</v>
      </c>
      <c r="G325" s="59" t="s">
        <v>1371</v>
      </c>
      <c r="H325" s="59" t="s">
        <v>4</v>
      </c>
      <c r="I325" s="59" t="s">
        <v>1376</v>
      </c>
      <c r="J325" s="58" t="s">
        <v>5</v>
      </c>
      <c r="K325" s="59" t="s">
        <v>1374</v>
      </c>
      <c r="L325" s="54" t="s">
        <v>4</v>
      </c>
      <c r="M325" s="54" t="s">
        <v>1372</v>
      </c>
      <c r="N325" s="70" t="s">
        <v>4</v>
      </c>
    </row>
    <row r="326" spans="3:14" s="72" customFormat="1" ht="239.4" customHeight="1">
      <c r="C326" s="48">
        <v>355</v>
      </c>
      <c r="D326" s="58" t="s">
        <v>0</v>
      </c>
      <c r="E326" s="58" t="s">
        <v>33</v>
      </c>
      <c r="F326" s="58" t="s">
        <v>969</v>
      </c>
      <c r="G326" s="59" t="s">
        <v>433</v>
      </c>
      <c r="H326" s="59" t="s">
        <v>1378</v>
      </c>
      <c r="I326" s="59" t="s">
        <v>1377</v>
      </c>
      <c r="J326" s="58" t="s">
        <v>5</v>
      </c>
      <c r="K326" s="59" t="s">
        <v>1375</v>
      </c>
      <c r="L326" s="54" t="s">
        <v>1373</v>
      </c>
      <c r="M326" s="54" t="s">
        <v>4</v>
      </c>
      <c r="N326" s="70" t="s">
        <v>4</v>
      </c>
    </row>
    <row r="327" spans="3:14" s="72" customFormat="1" ht="330" customHeight="1">
      <c r="C327" s="48">
        <v>360</v>
      </c>
      <c r="D327" s="58" t="s">
        <v>0</v>
      </c>
      <c r="E327" s="58" t="s">
        <v>1</v>
      </c>
      <c r="F327" s="58" t="s">
        <v>85</v>
      </c>
      <c r="G327" s="59" t="s">
        <v>1393</v>
      </c>
      <c r="H327" s="59" t="s">
        <v>1401</v>
      </c>
      <c r="I327" s="59" t="s">
        <v>1402</v>
      </c>
      <c r="J327" s="58" t="s">
        <v>5</v>
      </c>
      <c r="K327" s="59" t="s">
        <v>1403</v>
      </c>
      <c r="L327" s="54" t="s">
        <v>1394</v>
      </c>
      <c r="M327" s="54" t="s">
        <v>1395</v>
      </c>
      <c r="N327" s="70" t="s">
        <v>4</v>
      </c>
    </row>
    <row r="328" spans="3:14" s="72" customFormat="1" ht="409.05" customHeight="1">
      <c r="C328" s="48">
        <v>361</v>
      </c>
      <c r="D328" s="58" t="s">
        <v>0</v>
      </c>
      <c r="E328" s="58" t="s">
        <v>266</v>
      </c>
      <c r="F328" s="58" t="s">
        <v>404</v>
      </c>
      <c r="G328" s="59" t="s">
        <v>1408</v>
      </c>
      <c r="H328" s="59" t="s">
        <v>1411</v>
      </c>
      <c r="I328" s="59" t="s">
        <v>1412</v>
      </c>
      <c r="J328" s="58" t="s">
        <v>5</v>
      </c>
      <c r="K328" s="59" t="s">
        <v>1413</v>
      </c>
      <c r="L328" s="54" t="s">
        <v>1409</v>
      </c>
      <c r="M328" s="54" t="s">
        <v>1410</v>
      </c>
      <c r="N328" s="70" t="s">
        <v>4</v>
      </c>
    </row>
    <row r="329" spans="3:14" s="72" customFormat="1" ht="199.95" customHeight="1">
      <c r="C329" s="48">
        <v>362</v>
      </c>
      <c r="D329" s="58" t="s">
        <v>1017</v>
      </c>
      <c r="E329" s="58" t="s">
        <v>16</v>
      </c>
      <c r="F329" s="58" t="s">
        <v>65</v>
      </c>
      <c r="G329" s="59" t="s">
        <v>7</v>
      </c>
      <c r="H329" s="59" t="s">
        <v>1435</v>
      </c>
      <c r="I329" s="59" t="s">
        <v>1436</v>
      </c>
      <c r="J329" s="58" t="s">
        <v>62</v>
      </c>
      <c r="K329" s="59" t="s">
        <v>1437</v>
      </c>
      <c r="L329" s="98" t="s">
        <v>4</v>
      </c>
      <c r="M329" s="54" t="s">
        <v>1414</v>
      </c>
      <c r="N329" s="70" t="s">
        <v>4</v>
      </c>
    </row>
    <row r="330" spans="3:14" s="72" customFormat="1" ht="199.95" customHeight="1">
      <c r="C330" s="48">
        <v>363</v>
      </c>
      <c r="D330" s="58" t="s">
        <v>1017</v>
      </c>
      <c r="E330" s="58" t="s">
        <v>33</v>
      </c>
      <c r="F330" s="58" t="s">
        <v>85</v>
      </c>
      <c r="G330" s="59" t="s">
        <v>1415</v>
      </c>
      <c r="H330" s="59" t="s">
        <v>1438</v>
      </c>
      <c r="I330" s="59" t="s">
        <v>1439</v>
      </c>
      <c r="J330" s="58" t="s">
        <v>62</v>
      </c>
      <c r="K330" s="59" t="s">
        <v>1440</v>
      </c>
      <c r="L330" s="98" t="s">
        <v>4</v>
      </c>
      <c r="M330" s="54" t="s">
        <v>1416</v>
      </c>
      <c r="N330" s="70" t="s">
        <v>4</v>
      </c>
    </row>
    <row r="331" spans="3:14" s="72" customFormat="1" ht="199.95" customHeight="1">
      <c r="C331" s="48">
        <v>364</v>
      </c>
      <c r="D331" s="58" t="s">
        <v>1017</v>
      </c>
      <c r="E331" s="58" t="s">
        <v>1</v>
      </c>
      <c r="F331" s="58" t="s">
        <v>6</v>
      </c>
      <c r="G331" s="59" t="s">
        <v>1417</v>
      </c>
      <c r="H331" s="59" t="s">
        <v>378</v>
      </c>
      <c r="I331" s="59" t="s">
        <v>1441</v>
      </c>
      <c r="J331" s="58" t="s">
        <v>5</v>
      </c>
      <c r="K331" s="59"/>
      <c r="L331" s="98" t="s">
        <v>4</v>
      </c>
      <c r="M331" s="54" t="s">
        <v>1418</v>
      </c>
      <c r="N331" s="70" t="s">
        <v>4</v>
      </c>
    </row>
    <row r="332" spans="3:14" s="72" customFormat="1" ht="199.95" customHeight="1">
      <c r="C332" s="48">
        <v>365</v>
      </c>
      <c r="D332" s="58" t="s">
        <v>1023</v>
      </c>
      <c r="E332" s="58" t="s">
        <v>1</v>
      </c>
      <c r="F332" s="58" t="s">
        <v>65</v>
      </c>
      <c r="G332" s="59" t="s">
        <v>7</v>
      </c>
      <c r="H332" s="59"/>
      <c r="I332" s="59" t="s">
        <v>1441</v>
      </c>
      <c r="J332" s="58" t="s">
        <v>5</v>
      </c>
      <c r="K332" s="59" t="s">
        <v>1442</v>
      </c>
      <c r="L332" s="98" t="s">
        <v>4</v>
      </c>
      <c r="M332" s="54" t="s">
        <v>1419</v>
      </c>
      <c r="N332" s="70" t="s">
        <v>4</v>
      </c>
    </row>
    <row r="333" spans="3:14" s="72" customFormat="1" ht="199.95" customHeight="1">
      <c r="C333" s="48">
        <v>366</v>
      </c>
      <c r="D333" s="58" t="s">
        <v>1023</v>
      </c>
      <c r="E333" s="58" t="s">
        <v>1018</v>
      </c>
      <c r="F333" s="58" t="s">
        <v>44</v>
      </c>
      <c r="G333" s="59" t="s">
        <v>1420</v>
      </c>
      <c r="H333" s="59"/>
      <c r="I333" s="59" t="s">
        <v>1443</v>
      </c>
      <c r="J333" s="58" t="s">
        <v>5</v>
      </c>
      <c r="K333" s="59"/>
      <c r="L333" s="98" t="s">
        <v>4</v>
      </c>
      <c r="M333" s="54" t="s">
        <v>4</v>
      </c>
      <c r="N333" s="70" t="s">
        <v>4</v>
      </c>
    </row>
    <row r="334" spans="3:14" s="72" customFormat="1" ht="199.95" customHeight="1">
      <c r="C334" s="48">
        <v>367</v>
      </c>
      <c r="D334" s="58" t="s">
        <v>1017</v>
      </c>
      <c r="E334" s="58" t="s">
        <v>1</v>
      </c>
      <c r="F334" s="58" t="s">
        <v>289</v>
      </c>
      <c r="G334" s="59" t="s">
        <v>1417</v>
      </c>
      <c r="H334" s="59" t="s">
        <v>1444</v>
      </c>
      <c r="I334" s="59" t="s">
        <v>1445</v>
      </c>
      <c r="J334" s="58" t="s">
        <v>62</v>
      </c>
      <c r="K334" s="59"/>
      <c r="L334" s="98" t="s">
        <v>4</v>
      </c>
      <c r="M334" s="54" t="s">
        <v>1421</v>
      </c>
      <c r="N334" s="70" t="s">
        <v>4</v>
      </c>
    </row>
    <row r="335" spans="3:14" s="72" customFormat="1" ht="199.95" customHeight="1">
      <c r="C335" s="48">
        <v>369</v>
      </c>
      <c r="D335" s="58" t="s">
        <v>1017</v>
      </c>
      <c r="E335" s="58" t="s">
        <v>16</v>
      </c>
      <c r="F335" s="58" t="s">
        <v>2</v>
      </c>
      <c r="G335" s="59" t="s">
        <v>1422</v>
      </c>
      <c r="H335" s="59"/>
      <c r="I335" s="59" t="s">
        <v>1446</v>
      </c>
      <c r="J335" s="58" t="s">
        <v>5</v>
      </c>
      <c r="K335" s="59"/>
      <c r="L335" s="98" t="s">
        <v>4</v>
      </c>
      <c r="M335" s="54" t="s">
        <v>1423</v>
      </c>
      <c r="N335" s="70" t="s">
        <v>4</v>
      </c>
    </row>
    <row r="336" spans="3:14" s="72" customFormat="1" ht="199.95" customHeight="1">
      <c r="C336" s="48">
        <v>370</v>
      </c>
      <c r="D336" s="58" t="s">
        <v>1017</v>
      </c>
      <c r="E336" s="58" t="s">
        <v>1</v>
      </c>
      <c r="F336" s="58" t="s">
        <v>227</v>
      </c>
      <c r="G336" s="59" t="s">
        <v>1417</v>
      </c>
      <c r="H336" s="59" t="s">
        <v>378</v>
      </c>
      <c r="I336" s="59" t="s">
        <v>1447</v>
      </c>
      <c r="J336" s="58" t="s">
        <v>5</v>
      </c>
      <c r="K336" s="59" t="s">
        <v>1448</v>
      </c>
      <c r="L336" s="98" t="s">
        <v>4</v>
      </c>
      <c r="M336" s="54"/>
      <c r="N336" s="70" t="s">
        <v>4</v>
      </c>
    </row>
    <row r="337" spans="3:14" s="72" customFormat="1" ht="199.95" customHeight="1">
      <c r="C337" s="48">
        <v>371</v>
      </c>
      <c r="D337" s="58" t="s">
        <v>1017</v>
      </c>
      <c r="E337" s="58" t="s">
        <v>33</v>
      </c>
      <c r="F337" s="58" t="s">
        <v>6</v>
      </c>
      <c r="G337" s="59" t="s">
        <v>1424</v>
      </c>
      <c r="H337" s="59" t="s">
        <v>1310</v>
      </c>
      <c r="I337" s="59" t="s">
        <v>1449</v>
      </c>
      <c r="J337" s="58" t="s">
        <v>62</v>
      </c>
      <c r="K337" s="59" t="s">
        <v>1450</v>
      </c>
      <c r="L337" s="98" t="s">
        <v>4</v>
      </c>
      <c r="M337" s="54" t="s">
        <v>4</v>
      </c>
      <c r="N337" s="70" t="s">
        <v>4</v>
      </c>
    </row>
    <row r="338" spans="3:14" s="72" customFormat="1" ht="199.95" customHeight="1">
      <c r="C338" s="48">
        <v>372</v>
      </c>
      <c r="D338" s="58" t="s">
        <v>1023</v>
      </c>
      <c r="E338" s="58" t="s">
        <v>1018</v>
      </c>
      <c r="F338" s="58" t="s">
        <v>65</v>
      </c>
      <c r="G338" s="59" t="s">
        <v>7</v>
      </c>
      <c r="H338" s="59"/>
      <c r="I338" s="59" t="s">
        <v>1451</v>
      </c>
      <c r="J338" s="58" t="s">
        <v>5</v>
      </c>
      <c r="K338" s="59"/>
      <c r="L338" s="98" t="s">
        <v>1473</v>
      </c>
      <c r="M338" s="54" t="s">
        <v>1425</v>
      </c>
      <c r="N338" s="70" t="s">
        <v>4</v>
      </c>
    </row>
    <row r="339" spans="3:14" s="72" customFormat="1" ht="199.95" customHeight="1">
      <c r="C339" s="48">
        <v>373</v>
      </c>
      <c r="D339" s="58" t="s">
        <v>1023</v>
      </c>
      <c r="E339" s="58" t="s">
        <v>1018</v>
      </c>
      <c r="F339" s="58" t="s">
        <v>1426</v>
      </c>
      <c r="G339" s="59" t="s">
        <v>7</v>
      </c>
      <c r="H339" s="59"/>
      <c r="I339" s="59" t="s">
        <v>1452</v>
      </c>
      <c r="J339" s="58" t="s">
        <v>5</v>
      </c>
      <c r="K339" s="59" t="s">
        <v>1453</v>
      </c>
      <c r="L339" s="98" t="s">
        <v>1474</v>
      </c>
      <c r="M339" s="54" t="s">
        <v>4</v>
      </c>
      <c r="N339" s="70" t="s">
        <v>4</v>
      </c>
    </row>
    <row r="340" spans="3:14" s="72" customFormat="1" ht="199.95" customHeight="1">
      <c r="C340" s="48">
        <v>374</v>
      </c>
      <c r="D340" s="58" t="s">
        <v>1017</v>
      </c>
      <c r="E340" s="58" t="s">
        <v>1018</v>
      </c>
      <c r="F340" s="58" t="s">
        <v>85</v>
      </c>
      <c r="G340" s="59" t="s">
        <v>1427</v>
      </c>
      <c r="H340" s="59"/>
      <c r="I340" s="59" t="s">
        <v>1454</v>
      </c>
      <c r="J340" s="58" t="s">
        <v>5</v>
      </c>
      <c r="K340" s="59"/>
      <c r="L340" s="98" t="s">
        <v>4</v>
      </c>
      <c r="M340" s="54" t="s">
        <v>1428</v>
      </c>
      <c r="N340" s="70" t="s">
        <v>4</v>
      </c>
    </row>
    <row r="341" spans="3:14" s="72" customFormat="1" ht="199.95" customHeight="1">
      <c r="C341" s="48">
        <v>375</v>
      </c>
      <c r="D341" s="58" t="s">
        <v>1017</v>
      </c>
      <c r="E341" s="58" t="s">
        <v>1</v>
      </c>
      <c r="F341" s="58" t="s">
        <v>94</v>
      </c>
      <c r="G341" s="59" t="s">
        <v>1417</v>
      </c>
      <c r="H341" s="59" t="s">
        <v>1455</v>
      </c>
      <c r="I341" s="59" t="s">
        <v>1456</v>
      </c>
      <c r="J341" s="58" t="s">
        <v>62</v>
      </c>
      <c r="K341" s="59"/>
      <c r="L341" s="98" t="s">
        <v>1475</v>
      </c>
      <c r="M341" s="54" t="s">
        <v>4</v>
      </c>
      <c r="N341" s="70" t="s">
        <v>4</v>
      </c>
    </row>
    <row r="342" spans="3:14" s="72" customFormat="1" ht="199.95" customHeight="1">
      <c r="C342" s="48">
        <v>376</v>
      </c>
      <c r="D342" s="58" t="s">
        <v>1023</v>
      </c>
      <c r="E342" s="58" t="s">
        <v>1018</v>
      </c>
      <c r="F342" s="58" t="s">
        <v>65</v>
      </c>
      <c r="G342" s="59" t="s">
        <v>7</v>
      </c>
      <c r="H342" s="59"/>
      <c r="I342" s="59" t="s">
        <v>1457</v>
      </c>
      <c r="J342" s="58" t="s">
        <v>62</v>
      </c>
      <c r="K342" s="59"/>
      <c r="L342" s="98" t="s">
        <v>4</v>
      </c>
      <c r="M342" s="54" t="s">
        <v>4</v>
      </c>
      <c r="N342" s="70" t="s">
        <v>4</v>
      </c>
    </row>
    <row r="343" spans="3:14" s="72" customFormat="1" ht="199.95" customHeight="1">
      <c r="C343" s="48">
        <v>377</v>
      </c>
      <c r="D343" s="58" t="s">
        <v>1023</v>
      </c>
      <c r="E343" s="58" t="s">
        <v>29</v>
      </c>
      <c r="F343" s="58" t="s">
        <v>1429</v>
      </c>
      <c r="G343" s="59" t="s">
        <v>7</v>
      </c>
      <c r="H343" s="59" t="s">
        <v>1458</v>
      </c>
      <c r="I343" s="59" t="s">
        <v>1459</v>
      </c>
      <c r="J343" s="58" t="s">
        <v>5</v>
      </c>
      <c r="K343" s="59" t="s">
        <v>1460</v>
      </c>
      <c r="L343" s="98" t="s">
        <v>1476</v>
      </c>
      <c r="M343" s="54" t="s">
        <v>4</v>
      </c>
      <c r="N343" s="70" t="s">
        <v>4</v>
      </c>
    </row>
    <row r="344" spans="3:14" s="72" customFormat="1" ht="199.95" customHeight="1">
      <c r="C344" s="48">
        <v>378</v>
      </c>
      <c r="D344" s="58" t="s">
        <v>1023</v>
      </c>
      <c r="E344" s="58" t="s">
        <v>1018</v>
      </c>
      <c r="F344" s="58" t="s">
        <v>289</v>
      </c>
      <c r="G344" s="59" t="s">
        <v>1430</v>
      </c>
      <c r="H344" s="59"/>
      <c r="I344" s="59" t="s">
        <v>1461</v>
      </c>
      <c r="J344" s="58" t="s">
        <v>5</v>
      </c>
      <c r="K344" s="59" t="s">
        <v>1462</v>
      </c>
      <c r="L344" s="98" t="s">
        <v>1477</v>
      </c>
      <c r="M344" s="54" t="s">
        <v>4</v>
      </c>
      <c r="N344" s="70" t="s">
        <v>4</v>
      </c>
    </row>
    <row r="345" spans="3:14" s="72" customFormat="1" ht="199.95" customHeight="1">
      <c r="C345" s="48">
        <v>379</v>
      </c>
      <c r="D345" s="58" t="s">
        <v>1017</v>
      </c>
      <c r="E345" s="58" t="s">
        <v>1</v>
      </c>
      <c r="F345" s="58" t="s">
        <v>404</v>
      </c>
      <c r="G345" s="59" t="s">
        <v>1424</v>
      </c>
      <c r="H345" s="59"/>
      <c r="I345" s="59" t="s">
        <v>700</v>
      </c>
      <c r="J345" s="58" t="s">
        <v>62</v>
      </c>
      <c r="K345" s="59" t="s">
        <v>1463</v>
      </c>
      <c r="L345" s="98" t="s">
        <v>1478</v>
      </c>
      <c r="M345" s="54" t="s">
        <v>4</v>
      </c>
      <c r="N345" s="70" t="s">
        <v>4</v>
      </c>
    </row>
    <row r="346" spans="3:14" s="72" customFormat="1" ht="199.95" customHeight="1">
      <c r="C346" s="48">
        <v>380</v>
      </c>
      <c r="D346" s="58" t="s">
        <v>1017</v>
      </c>
      <c r="E346" s="58" t="s">
        <v>266</v>
      </c>
      <c r="F346" s="58" t="s">
        <v>77</v>
      </c>
      <c r="G346" s="59" t="s">
        <v>7</v>
      </c>
      <c r="H346" s="59"/>
      <c r="I346" s="59" t="s">
        <v>1464</v>
      </c>
      <c r="J346" s="58" t="s">
        <v>5</v>
      </c>
      <c r="K346" s="59"/>
      <c r="L346" s="98" t="s">
        <v>4</v>
      </c>
      <c r="M346" s="54" t="s">
        <v>4</v>
      </c>
      <c r="N346" s="70" t="s">
        <v>4</v>
      </c>
    </row>
    <row r="347" spans="3:14" s="72" customFormat="1" ht="199.95" customHeight="1">
      <c r="C347" s="48">
        <v>381</v>
      </c>
      <c r="D347" s="58" t="s">
        <v>1023</v>
      </c>
      <c r="E347" s="58" t="s">
        <v>1</v>
      </c>
      <c r="F347" s="58" t="s">
        <v>1431</v>
      </c>
      <c r="G347" s="59" t="s">
        <v>7</v>
      </c>
      <c r="H347" s="59"/>
      <c r="I347" s="59" t="s">
        <v>1465</v>
      </c>
      <c r="J347" s="58" t="s">
        <v>62</v>
      </c>
      <c r="K347" s="59"/>
      <c r="L347" s="98" t="s">
        <v>4</v>
      </c>
      <c r="M347" s="54" t="s">
        <v>4</v>
      </c>
      <c r="N347" s="70" t="s">
        <v>4</v>
      </c>
    </row>
    <row r="348" spans="3:14" s="72" customFormat="1" ht="199.95" customHeight="1">
      <c r="C348" s="48">
        <v>382</v>
      </c>
      <c r="D348" s="58" t="s">
        <v>1017</v>
      </c>
      <c r="E348" s="58" t="s">
        <v>1</v>
      </c>
      <c r="F348" s="58" t="s">
        <v>65</v>
      </c>
      <c r="G348" s="59" t="s">
        <v>1432</v>
      </c>
      <c r="H348" s="59"/>
      <c r="I348" s="59" t="s">
        <v>1466</v>
      </c>
      <c r="J348" s="58" t="s">
        <v>5</v>
      </c>
      <c r="K348" s="59"/>
      <c r="L348" s="98" t="s">
        <v>4</v>
      </c>
      <c r="M348" s="54" t="s">
        <v>1433</v>
      </c>
      <c r="N348" s="70" t="s">
        <v>4</v>
      </c>
    </row>
    <row r="349" spans="3:14" s="72" customFormat="1" ht="199.95" customHeight="1">
      <c r="C349" s="48">
        <v>383</v>
      </c>
      <c r="D349" s="58" t="s">
        <v>1017</v>
      </c>
      <c r="E349" s="58" t="s">
        <v>1</v>
      </c>
      <c r="F349" s="58" t="s">
        <v>6</v>
      </c>
      <c r="G349" s="59" t="s">
        <v>7</v>
      </c>
      <c r="H349" s="59"/>
      <c r="I349" s="59" t="s">
        <v>1467</v>
      </c>
      <c r="J349" s="58" t="s">
        <v>5</v>
      </c>
      <c r="K349" s="59"/>
      <c r="L349" s="98" t="s">
        <v>4</v>
      </c>
      <c r="M349" s="54" t="s">
        <v>1434</v>
      </c>
      <c r="N349" s="70" t="s">
        <v>4</v>
      </c>
    </row>
    <row r="350" spans="3:14" s="72" customFormat="1" ht="199.95" customHeight="1">
      <c r="C350" s="48">
        <v>384</v>
      </c>
      <c r="D350" s="58" t="s">
        <v>0</v>
      </c>
      <c r="E350" s="58" t="s">
        <v>16</v>
      </c>
      <c r="F350" s="58" t="s">
        <v>85</v>
      </c>
      <c r="G350" s="59" t="s">
        <v>1489</v>
      </c>
      <c r="H350" s="59" t="s">
        <v>1491</v>
      </c>
      <c r="I350" s="59" t="s">
        <v>1492</v>
      </c>
      <c r="J350" s="58" t="s">
        <v>5</v>
      </c>
      <c r="K350" s="59" t="s">
        <v>1493</v>
      </c>
      <c r="L350" s="98" t="s">
        <v>4</v>
      </c>
      <c r="M350" s="54" t="s">
        <v>1490</v>
      </c>
      <c r="N350" s="70" t="s">
        <v>4</v>
      </c>
    </row>
    <row r="351" spans="3:14" s="72" customFormat="1" ht="257.39999999999998" customHeight="1">
      <c r="C351" s="48">
        <v>386</v>
      </c>
      <c r="D351" s="58" t="s">
        <v>0</v>
      </c>
      <c r="E351" s="58" t="s">
        <v>29</v>
      </c>
      <c r="F351" s="58" t="s">
        <v>227</v>
      </c>
      <c r="G351" s="59" t="s">
        <v>1498</v>
      </c>
      <c r="H351" s="59" t="s">
        <v>1500</v>
      </c>
      <c r="I351" s="59" t="s">
        <v>1502</v>
      </c>
      <c r="J351" s="58" t="s">
        <v>5</v>
      </c>
      <c r="K351" s="59" t="s">
        <v>1501</v>
      </c>
      <c r="L351" s="98" t="s">
        <v>4</v>
      </c>
      <c r="M351" s="54" t="s">
        <v>1499</v>
      </c>
      <c r="N351" s="70" t="s">
        <v>4</v>
      </c>
    </row>
    <row r="352" spans="3:14" s="72" customFormat="1" ht="409.6" customHeight="1">
      <c r="C352" s="48">
        <v>388</v>
      </c>
      <c r="D352" s="58" t="s">
        <v>0</v>
      </c>
      <c r="E352" s="58" t="s">
        <v>11</v>
      </c>
      <c r="F352" s="58" t="s">
        <v>6</v>
      </c>
      <c r="G352" s="59" t="s">
        <v>1509</v>
      </c>
      <c r="H352" s="59" t="s">
        <v>1516</v>
      </c>
      <c r="I352" s="94" t="s">
        <v>1518</v>
      </c>
      <c r="J352" s="58" t="s">
        <v>5</v>
      </c>
      <c r="K352" s="59" t="s">
        <v>1515</v>
      </c>
      <c r="L352" s="98" t="s">
        <v>4</v>
      </c>
      <c r="M352" s="54" t="s">
        <v>1510</v>
      </c>
      <c r="N352" s="70" t="s">
        <v>4</v>
      </c>
    </row>
    <row r="353" spans="3:14" s="72" customFormat="1" ht="346.2" customHeight="1">
      <c r="C353" s="48">
        <v>389</v>
      </c>
      <c r="D353" s="58" t="s">
        <v>0</v>
      </c>
      <c r="E353" s="58" t="s">
        <v>16</v>
      </c>
      <c r="F353" s="58" t="s">
        <v>289</v>
      </c>
      <c r="G353" s="59" t="s">
        <v>1511</v>
      </c>
      <c r="H353" s="59" t="s">
        <v>1517</v>
      </c>
      <c r="I353" s="59" t="s">
        <v>1514</v>
      </c>
      <c r="J353" s="58" t="s">
        <v>5</v>
      </c>
      <c r="K353" s="59" t="s">
        <v>1513</v>
      </c>
      <c r="L353" s="98" t="s">
        <v>1512</v>
      </c>
      <c r="M353" s="54" t="s">
        <v>4</v>
      </c>
      <c r="N353" s="70" t="s">
        <v>4</v>
      </c>
    </row>
    <row r="354" spans="3:14" s="72" customFormat="1" ht="346.2" customHeight="1">
      <c r="C354" s="48">
        <v>390</v>
      </c>
      <c r="D354" s="58" t="s">
        <v>0</v>
      </c>
      <c r="E354" s="58" t="s">
        <v>16</v>
      </c>
      <c r="F354" s="58" t="s">
        <v>6</v>
      </c>
      <c r="G354" s="59" t="s">
        <v>1519</v>
      </c>
      <c r="H354" s="59" t="s">
        <v>1520</v>
      </c>
      <c r="I354" s="59" t="s">
        <v>1522</v>
      </c>
      <c r="J354" s="58" t="s">
        <v>5</v>
      </c>
      <c r="K354" s="90" t="s">
        <v>1521</v>
      </c>
      <c r="L354" s="98" t="s">
        <v>4</v>
      </c>
      <c r="M354" s="54" t="s">
        <v>4</v>
      </c>
      <c r="N354" s="70" t="s">
        <v>4</v>
      </c>
    </row>
    <row r="355" spans="3:14" s="72" customFormat="1" ht="346.2" customHeight="1">
      <c r="C355" s="48">
        <v>391</v>
      </c>
      <c r="D355" s="58" t="s">
        <v>0</v>
      </c>
      <c r="E355" s="58" t="s">
        <v>11</v>
      </c>
      <c r="F355" s="58" t="s">
        <v>1523</v>
      </c>
      <c r="G355" s="59" t="s">
        <v>1524</v>
      </c>
      <c r="H355" s="59" t="s">
        <v>1526</v>
      </c>
      <c r="I355" s="59" t="s">
        <v>1527</v>
      </c>
      <c r="J355" s="58" t="s">
        <v>5</v>
      </c>
      <c r="K355" s="90" t="s">
        <v>1528</v>
      </c>
      <c r="L355" s="98" t="s">
        <v>4</v>
      </c>
      <c r="M355" s="54" t="s">
        <v>1525</v>
      </c>
      <c r="N355" s="70" t="s">
        <v>4</v>
      </c>
    </row>
  </sheetData>
  <autoFilter ref="C4:N349"/>
  <phoneticPr fontId="1"/>
  <hyperlinks>
    <hyperlink ref="M162" r:id="rId1"/>
    <hyperlink ref="M304" r:id="rId2"/>
  </hyperlinks>
  <pageMargins left="0.70866141732283472" right="0.70866141732283472" top="0.74803149606299213" bottom="0.74803149606299213" header="0.31496062992125984" footer="0.31496062992125984"/>
  <pageSetup paperSize="8" scale="20" fitToHeight="0" orientation="landscape" r:id="rId3"/>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pageSetUpPr fitToPage="1"/>
  </sheetPr>
  <dimension ref="A1:N42"/>
  <sheetViews>
    <sheetView showGridLines="0" view="pageBreakPreview" zoomScale="57" zoomScaleNormal="40" zoomScaleSheetLayoutView="57" workbookViewId="0">
      <pane xSplit="2" ySplit="4" topLeftCell="C5" activePane="bottomRight" state="frozen"/>
      <selection pane="topRight" activeCell="C1" sqref="C1"/>
      <selection pane="bottomLeft" activeCell="A5" sqref="A5"/>
      <selection pane="bottomRight" activeCell="B2" sqref="B2"/>
    </sheetView>
  </sheetViews>
  <sheetFormatPr defaultRowHeight="14.4"/>
  <cols>
    <col min="1" max="2" width="3.796875" customWidth="1"/>
    <col min="3" max="3" width="19.09765625" customWidth="1"/>
    <col min="4" max="4" width="22.8984375" customWidth="1"/>
    <col min="5" max="5" width="14.69921875" customWidth="1"/>
    <col min="6" max="6" width="69.796875" customWidth="1"/>
    <col min="7" max="7" width="72.3984375" customWidth="1"/>
    <col min="8" max="8" width="70.796875" customWidth="1"/>
    <col min="9" max="9" width="197.69921875" customWidth="1"/>
    <col min="10" max="10" width="54.296875" customWidth="1"/>
    <col min="11" max="11" width="177.19921875" customWidth="1"/>
    <col min="12" max="12" width="39.19921875" customWidth="1"/>
    <col min="13" max="13" width="75.19921875" customWidth="1"/>
    <col min="14" max="14" width="75.296875" customWidth="1"/>
  </cols>
  <sheetData>
    <row r="1" spans="1:14" ht="9.4499999999999993" customHeight="1"/>
    <row r="2" spans="1:14" ht="110.55" customHeight="1">
      <c r="C2" s="18" t="s">
        <v>125</v>
      </c>
    </row>
    <row r="3" spans="1:14" ht="36.450000000000003" customHeight="1" thickBot="1"/>
    <row r="4" spans="1:14" ht="109.5" customHeight="1" thickBot="1">
      <c r="C4" s="1" t="s">
        <v>113</v>
      </c>
      <c r="D4" s="5" t="s">
        <v>114</v>
      </c>
      <c r="E4" s="7" t="s">
        <v>115</v>
      </c>
      <c r="F4" s="8" t="s">
        <v>116</v>
      </c>
      <c r="G4" s="8" t="s">
        <v>117</v>
      </c>
      <c r="H4" s="8" t="s">
        <v>118</v>
      </c>
      <c r="I4" s="8" t="s">
        <v>119</v>
      </c>
      <c r="J4" s="10" t="s">
        <v>120</v>
      </c>
      <c r="K4" s="8" t="s">
        <v>121</v>
      </c>
      <c r="L4" s="12" t="s">
        <v>122</v>
      </c>
      <c r="M4" s="14" t="s">
        <v>123</v>
      </c>
      <c r="N4" s="14" t="s">
        <v>279</v>
      </c>
    </row>
    <row r="5" spans="1:14" ht="409.6" customHeight="1" thickTop="1">
      <c r="C5" s="2">
        <v>7</v>
      </c>
      <c r="D5" s="6" t="s">
        <v>126</v>
      </c>
      <c r="E5" s="6" t="s">
        <v>33</v>
      </c>
      <c r="F5" s="6" t="s">
        <v>127</v>
      </c>
      <c r="G5" s="9" t="s">
        <v>128</v>
      </c>
      <c r="H5" s="9" t="s">
        <v>204</v>
      </c>
      <c r="I5" s="9" t="s">
        <v>205</v>
      </c>
      <c r="J5" s="6" t="s">
        <v>5</v>
      </c>
      <c r="K5" s="9" t="s">
        <v>206</v>
      </c>
      <c r="L5" s="13" t="s">
        <v>4</v>
      </c>
      <c r="M5" s="13" t="s">
        <v>4</v>
      </c>
      <c r="N5" s="22"/>
    </row>
    <row r="6" spans="1:14" ht="354.45" customHeight="1">
      <c r="C6" s="2">
        <v>23</v>
      </c>
      <c r="D6" s="6" t="s">
        <v>0</v>
      </c>
      <c r="E6" s="6" t="s">
        <v>33</v>
      </c>
      <c r="F6" s="6" t="s">
        <v>129</v>
      </c>
      <c r="G6" s="9" t="s">
        <v>130</v>
      </c>
      <c r="H6" s="9" t="s">
        <v>4</v>
      </c>
      <c r="I6" s="9" t="s">
        <v>207</v>
      </c>
      <c r="J6" s="6" t="s">
        <v>5</v>
      </c>
      <c r="K6" s="9" t="s">
        <v>208</v>
      </c>
      <c r="L6" s="13" t="s">
        <v>4</v>
      </c>
      <c r="M6" s="13" t="s">
        <v>131</v>
      </c>
      <c r="N6" s="23"/>
    </row>
    <row r="7" spans="1:14" ht="409.6" customHeight="1">
      <c r="C7" s="2">
        <v>25</v>
      </c>
      <c r="D7" s="6" t="s">
        <v>0</v>
      </c>
      <c r="E7" s="6" t="s">
        <v>16</v>
      </c>
      <c r="F7" s="6" t="s">
        <v>132</v>
      </c>
      <c r="G7" s="9" t="s">
        <v>133</v>
      </c>
      <c r="H7" s="9" t="s">
        <v>134</v>
      </c>
      <c r="I7" s="20" t="s">
        <v>209</v>
      </c>
      <c r="J7" s="6" t="s">
        <v>5</v>
      </c>
      <c r="K7" s="9" t="s">
        <v>135</v>
      </c>
      <c r="L7" s="13" t="s">
        <v>138</v>
      </c>
      <c r="M7" s="13" t="s">
        <v>139</v>
      </c>
      <c r="N7" s="23"/>
    </row>
    <row r="8" spans="1:14" ht="244.95" customHeight="1">
      <c r="C8" s="2">
        <v>33</v>
      </c>
      <c r="D8" s="6" t="s">
        <v>0</v>
      </c>
      <c r="E8" s="6" t="s">
        <v>29</v>
      </c>
      <c r="F8" s="6" t="s">
        <v>132</v>
      </c>
      <c r="G8" s="9" t="s">
        <v>136</v>
      </c>
      <c r="H8" s="9" t="s">
        <v>215</v>
      </c>
      <c r="I8" s="20" t="s">
        <v>210</v>
      </c>
      <c r="J8" s="6" t="s">
        <v>5</v>
      </c>
      <c r="K8" s="9" t="s">
        <v>211</v>
      </c>
      <c r="L8" s="13" t="s">
        <v>4</v>
      </c>
      <c r="M8" s="13" t="s">
        <v>137</v>
      </c>
      <c r="N8" s="23"/>
    </row>
    <row r="9" spans="1:14" ht="307.5" customHeight="1">
      <c r="C9" s="2">
        <v>37</v>
      </c>
      <c r="D9" s="6" t="s">
        <v>126</v>
      </c>
      <c r="E9" s="6" t="s">
        <v>16</v>
      </c>
      <c r="F9" s="6" t="s">
        <v>132</v>
      </c>
      <c r="G9" s="9" t="s">
        <v>74</v>
      </c>
      <c r="H9" s="9" t="s">
        <v>4</v>
      </c>
      <c r="I9" s="20" t="s">
        <v>212</v>
      </c>
      <c r="J9" s="6" t="s">
        <v>5</v>
      </c>
      <c r="K9" s="9" t="s">
        <v>213</v>
      </c>
      <c r="L9" s="13" t="s">
        <v>4</v>
      </c>
      <c r="M9" s="13" t="s">
        <v>4</v>
      </c>
      <c r="N9" s="23"/>
    </row>
    <row r="10" spans="1:14" ht="409.6" customHeight="1">
      <c r="C10" s="2">
        <v>42</v>
      </c>
      <c r="D10" s="6" t="s">
        <v>0</v>
      </c>
      <c r="E10" s="6" t="s">
        <v>33</v>
      </c>
      <c r="F10" s="6" t="s">
        <v>129</v>
      </c>
      <c r="G10" s="9" t="s">
        <v>217</v>
      </c>
      <c r="H10" s="9" t="s">
        <v>223</v>
      </c>
      <c r="I10" s="21" t="s">
        <v>263</v>
      </c>
      <c r="J10" s="6" t="s">
        <v>5</v>
      </c>
      <c r="K10" s="9" t="s">
        <v>224</v>
      </c>
      <c r="L10" s="13" t="s">
        <v>218</v>
      </c>
      <c r="M10" s="13" t="s">
        <v>219</v>
      </c>
      <c r="N10" s="23"/>
    </row>
    <row r="11" spans="1:14" ht="409.6" customHeight="1">
      <c r="C11" s="2">
        <v>43</v>
      </c>
      <c r="D11" s="6" t="s">
        <v>0</v>
      </c>
      <c r="E11" s="6" t="s">
        <v>11</v>
      </c>
      <c r="F11" s="6" t="s">
        <v>132</v>
      </c>
      <c r="G11" s="9" t="s">
        <v>220</v>
      </c>
      <c r="H11" s="9" t="s">
        <v>4</v>
      </c>
      <c r="I11" s="16" t="s">
        <v>319</v>
      </c>
      <c r="J11" s="6" t="s">
        <v>5</v>
      </c>
      <c r="K11" s="9" t="s">
        <v>264</v>
      </c>
      <c r="L11" s="13" t="s">
        <v>221</v>
      </c>
      <c r="M11" s="13" t="s">
        <v>222</v>
      </c>
      <c r="N11" s="23"/>
    </row>
    <row r="12" spans="1:14" ht="409.6" customHeight="1">
      <c r="C12" s="2">
        <v>51</v>
      </c>
      <c r="D12" s="6" t="s">
        <v>126</v>
      </c>
      <c r="E12" s="6" t="s">
        <v>33</v>
      </c>
      <c r="F12" s="6" t="s">
        <v>270</v>
      </c>
      <c r="G12" s="9" t="s">
        <v>271</v>
      </c>
      <c r="H12" s="19" t="s">
        <v>272</v>
      </c>
      <c r="I12" s="9" t="s">
        <v>273</v>
      </c>
      <c r="J12" s="6" t="s">
        <v>5</v>
      </c>
      <c r="K12" s="9" t="s">
        <v>274</v>
      </c>
      <c r="L12" s="13" t="s">
        <v>4</v>
      </c>
      <c r="M12" s="13" t="s">
        <v>275</v>
      </c>
      <c r="N12" s="23"/>
    </row>
    <row r="13" spans="1:14" ht="409.05" customHeight="1">
      <c r="C13" s="2">
        <v>60</v>
      </c>
      <c r="D13" s="6" t="s">
        <v>0</v>
      </c>
      <c r="E13" s="6" t="s">
        <v>266</v>
      </c>
      <c r="F13" s="6" t="s">
        <v>129</v>
      </c>
      <c r="G13" s="9" t="s">
        <v>267</v>
      </c>
      <c r="H13" s="9" t="s">
        <v>276</v>
      </c>
      <c r="I13" s="9" t="s">
        <v>277</v>
      </c>
      <c r="J13" s="6" t="s">
        <v>5</v>
      </c>
      <c r="K13" s="9" t="s">
        <v>278</v>
      </c>
      <c r="L13" s="13" t="s">
        <v>268</v>
      </c>
      <c r="M13" s="13" t="s">
        <v>269</v>
      </c>
      <c r="N13" s="23"/>
    </row>
    <row r="14" spans="1:14" ht="409.05" customHeight="1">
      <c r="C14" s="2">
        <v>73</v>
      </c>
      <c r="D14" s="6" t="s">
        <v>0</v>
      </c>
      <c r="E14" s="6" t="s">
        <v>11</v>
      </c>
      <c r="F14" s="6" t="s">
        <v>129</v>
      </c>
      <c r="G14" s="9" t="s">
        <v>74</v>
      </c>
      <c r="H14" s="9" t="s">
        <v>4</v>
      </c>
      <c r="I14" s="9" t="s">
        <v>401</v>
      </c>
      <c r="J14" s="6" t="s">
        <v>5</v>
      </c>
      <c r="K14" s="9" t="s">
        <v>377</v>
      </c>
      <c r="L14" s="13" t="s">
        <v>373</v>
      </c>
      <c r="M14" s="13" t="s">
        <v>374</v>
      </c>
      <c r="N14" s="23" t="s">
        <v>4</v>
      </c>
    </row>
    <row r="15" spans="1:14" ht="202.95" customHeight="1">
      <c r="A15" s="39"/>
      <c r="B15" s="40"/>
      <c r="C15" s="3">
        <v>76</v>
      </c>
      <c r="D15" s="35" t="s">
        <v>0</v>
      </c>
      <c r="E15" s="35" t="s">
        <v>1</v>
      </c>
      <c r="F15" s="35" t="s">
        <v>129</v>
      </c>
      <c r="G15" s="36" t="s">
        <v>375</v>
      </c>
      <c r="H15" s="36" t="s">
        <v>378</v>
      </c>
      <c r="I15" s="36" t="s">
        <v>379</v>
      </c>
      <c r="J15" s="35" t="s">
        <v>5</v>
      </c>
      <c r="K15" s="36" t="s">
        <v>380</v>
      </c>
      <c r="L15" s="37" t="s">
        <v>4</v>
      </c>
      <c r="M15" s="37" t="s">
        <v>376</v>
      </c>
      <c r="N15" s="38" t="s">
        <v>4</v>
      </c>
    </row>
    <row r="16" spans="1:14" ht="169.8" customHeight="1">
      <c r="A16" s="39"/>
      <c r="B16" s="40"/>
      <c r="C16" s="3">
        <v>93</v>
      </c>
      <c r="D16" s="35" t="s">
        <v>126</v>
      </c>
      <c r="E16" s="35" t="s">
        <v>33</v>
      </c>
      <c r="F16" s="35" t="s">
        <v>469</v>
      </c>
      <c r="G16" s="36" t="s">
        <v>470</v>
      </c>
      <c r="H16" s="36" t="s">
        <v>4</v>
      </c>
      <c r="I16" s="36" t="s">
        <v>485</v>
      </c>
      <c r="J16" s="35" t="s">
        <v>5</v>
      </c>
      <c r="K16" s="36" t="s">
        <v>482</v>
      </c>
      <c r="L16" s="37" t="s">
        <v>4</v>
      </c>
      <c r="M16" s="37" t="s">
        <v>471</v>
      </c>
      <c r="N16" s="38" t="s">
        <v>4</v>
      </c>
    </row>
    <row r="17" spans="1:14" ht="408" customHeight="1">
      <c r="A17" s="39"/>
      <c r="B17" s="40"/>
      <c r="C17" s="3">
        <v>98</v>
      </c>
      <c r="D17" s="35" t="s">
        <v>0</v>
      </c>
      <c r="E17" s="35" t="s">
        <v>1</v>
      </c>
      <c r="F17" s="35" t="s">
        <v>472</v>
      </c>
      <c r="G17" s="36" t="s">
        <v>473</v>
      </c>
      <c r="H17" s="36" t="s">
        <v>4</v>
      </c>
      <c r="I17" s="36" t="s">
        <v>486</v>
      </c>
      <c r="J17" s="35" t="s">
        <v>5</v>
      </c>
      <c r="K17" s="41" t="s">
        <v>487</v>
      </c>
      <c r="L17" s="37" t="s">
        <v>474</v>
      </c>
      <c r="M17" s="37" t="s">
        <v>475</v>
      </c>
      <c r="N17" s="38" t="s">
        <v>4</v>
      </c>
    </row>
    <row r="18" spans="1:14" ht="266.39999999999998" customHeight="1">
      <c r="C18" s="48">
        <v>105</v>
      </c>
      <c r="D18" s="58" t="s">
        <v>0</v>
      </c>
      <c r="E18" s="58" t="s">
        <v>1</v>
      </c>
      <c r="F18" s="58" t="s">
        <v>129</v>
      </c>
      <c r="G18" s="59" t="s">
        <v>527</v>
      </c>
      <c r="H18" s="59" t="s">
        <v>4</v>
      </c>
      <c r="I18" s="59" t="s">
        <v>537</v>
      </c>
      <c r="J18" s="58" t="s">
        <v>5</v>
      </c>
      <c r="K18" s="59" t="s">
        <v>538</v>
      </c>
      <c r="L18" s="54" t="s">
        <v>528</v>
      </c>
      <c r="M18" s="54" t="s">
        <v>529</v>
      </c>
      <c r="N18" s="56" t="s">
        <v>4</v>
      </c>
    </row>
    <row r="19" spans="1:14" ht="307.2" customHeight="1">
      <c r="C19" s="62">
        <v>173</v>
      </c>
      <c r="D19" s="63" t="s">
        <v>0</v>
      </c>
      <c r="E19" s="63" t="s">
        <v>1</v>
      </c>
      <c r="F19" s="63" t="s">
        <v>697</v>
      </c>
      <c r="G19" s="64" t="s">
        <v>698</v>
      </c>
      <c r="H19" s="64"/>
      <c r="I19" s="64" t="s">
        <v>700</v>
      </c>
      <c r="J19" s="63" t="s">
        <v>5</v>
      </c>
      <c r="K19" s="64"/>
      <c r="L19" s="65" t="s">
        <v>4</v>
      </c>
      <c r="M19" s="65" t="s">
        <v>699</v>
      </c>
      <c r="N19" s="66" t="s">
        <v>4</v>
      </c>
    </row>
    <row r="20" spans="1:14" ht="287.39999999999998" customHeight="1">
      <c r="C20" s="48">
        <v>176</v>
      </c>
      <c r="D20" s="49" t="s">
        <v>126</v>
      </c>
      <c r="E20" s="50" t="s">
        <v>1</v>
      </c>
      <c r="F20" s="50" t="s">
        <v>129</v>
      </c>
      <c r="G20" s="52" t="s">
        <v>701</v>
      </c>
      <c r="H20" s="52" t="s">
        <v>4</v>
      </c>
      <c r="I20" s="53" t="s">
        <v>718</v>
      </c>
      <c r="J20" s="49" t="s">
        <v>5</v>
      </c>
      <c r="K20" s="54" t="s">
        <v>719</v>
      </c>
      <c r="L20" s="55" t="s">
        <v>4</v>
      </c>
      <c r="M20" s="55" t="s">
        <v>4</v>
      </c>
      <c r="N20" s="55" t="s">
        <v>4</v>
      </c>
    </row>
    <row r="21" spans="1:14" ht="401.4" customHeight="1">
      <c r="C21" s="48">
        <v>177</v>
      </c>
      <c r="D21" s="58" t="s">
        <v>0</v>
      </c>
      <c r="E21" s="58" t="s">
        <v>33</v>
      </c>
      <c r="F21" s="58" t="s">
        <v>129</v>
      </c>
      <c r="G21" s="59" t="s">
        <v>703</v>
      </c>
      <c r="H21" s="59" t="s">
        <v>4</v>
      </c>
      <c r="I21" s="69" t="s">
        <v>720</v>
      </c>
      <c r="J21" s="58" t="s">
        <v>5</v>
      </c>
      <c r="K21" s="59" t="s">
        <v>721</v>
      </c>
      <c r="L21" s="54" t="s">
        <v>704</v>
      </c>
      <c r="M21" s="54" t="s">
        <v>705</v>
      </c>
      <c r="N21" s="70" t="s">
        <v>4</v>
      </c>
    </row>
    <row r="22" spans="1:14" ht="409.6" customHeight="1">
      <c r="C22" s="48">
        <v>179</v>
      </c>
      <c r="D22" s="58" t="s">
        <v>0</v>
      </c>
      <c r="E22" s="58" t="s">
        <v>266</v>
      </c>
      <c r="F22" s="58" t="s">
        <v>706</v>
      </c>
      <c r="G22" s="59" t="s">
        <v>707</v>
      </c>
      <c r="H22" s="59" t="s">
        <v>4</v>
      </c>
      <c r="I22" s="59" t="s">
        <v>722</v>
      </c>
      <c r="J22" s="58" t="s">
        <v>5</v>
      </c>
      <c r="K22" s="59" t="s">
        <v>723</v>
      </c>
      <c r="L22" s="54" t="s">
        <v>708</v>
      </c>
      <c r="M22" s="54" t="s">
        <v>709</v>
      </c>
      <c r="N22" s="70" t="s">
        <v>4</v>
      </c>
    </row>
    <row r="23" spans="1:14" ht="273.60000000000002" customHeight="1">
      <c r="A23" s="72"/>
      <c r="B23" s="72"/>
      <c r="C23" s="48">
        <v>181</v>
      </c>
      <c r="D23" s="58" t="s">
        <v>0</v>
      </c>
      <c r="E23" s="58" t="s">
        <v>16</v>
      </c>
      <c r="F23" s="58" t="s">
        <v>129</v>
      </c>
      <c r="G23" s="59" t="s">
        <v>19</v>
      </c>
      <c r="H23" s="59" t="s">
        <v>4</v>
      </c>
      <c r="I23" s="59" t="s">
        <v>819</v>
      </c>
      <c r="J23" s="58" t="s">
        <v>5</v>
      </c>
      <c r="K23" s="59" t="s">
        <v>821</v>
      </c>
      <c r="L23" s="54" t="s">
        <v>4</v>
      </c>
      <c r="M23" s="54" t="s">
        <v>4</v>
      </c>
      <c r="N23" s="70" t="s">
        <v>4</v>
      </c>
    </row>
    <row r="24" spans="1:14" ht="371.4" customHeight="1">
      <c r="A24" s="72"/>
      <c r="B24" s="72"/>
      <c r="C24" s="48">
        <v>227</v>
      </c>
      <c r="D24" s="58" t="s">
        <v>0</v>
      </c>
      <c r="E24" s="58" t="s">
        <v>33</v>
      </c>
      <c r="F24" s="58" t="s">
        <v>132</v>
      </c>
      <c r="G24" s="59" t="s">
        <v>795</v>
      </c>
      <c r="H24" s="59" t="s">
        <v>4</v>
      </c>
      <c r="I24" s="59" t="s">
        <v>820</v>
      </c>
      <c r="J24" s="58" t="s">
        <v>5</v>
      </c>
      <c r="K24" s="59" t="s">
        <v>846</v>
      </c>
      <c r="L24" s="54" t="s">
        <v>4</v>
      </c>
      <c r="M24" s="54" t="s">
        <v>796</v>
      </c>
      <c r="N24" s="70" t="s">
        <v>4</v>
      </c>
    </row>
    <row r="25" spans="1:14" s="74" customFormat="1" ht="270.60000000000002" customHeight="1">
      <c r="C25" s="75">
        <v>234</v>
      </c>
      <c r="D25" s="85" t="s">
        <v>126</v>
      </c>
      <c r="E25" s="85" t="s">
        <v>29</v>
      </c>
      <c r="F25" s="85" t="s">
        <v>910</v>
      </c>
      <c r="G25" s="86" t="s">
        <v>911</v>
      </c>
      <c r="H25" s="86" t="s">
        <v>915</v>
      </c>
      <c r="I25" s="86" t="s">
        <v>914</v>
      </c>
      <c r="J25" s="85" t="s">
        <v>5</v>
      </c>
      <c r="K25" s="86" t="s">
        <v>913</v>
      </c>
      <c r="L25" s="80" t="s">
        <v>4</v>
      </c>
      <c r="M25" s="80" t="s">
        <v>912</v>
      </c>
      <c r="N25" s="87" t="s">
        <v>4</v>
      </c>
    </row>
    <row r="26" spans="1:14" s="72" customFormat="1" ht="409.6" customHeight="1">
      <c r="C26" s="48">
        <v>240</v>
      </c>
      <c r="D26" s="58" t="s">
        <v>126</v>
      </c>
      <c r="E26" s="58" t="s">
        <v>33</v>
      </c>
      <c r="F26" s="58" t="s">
        <v>936</v>
      </c>
      <c r="G26" s="59" t="s">
        <v>19</v>
      </c>
      <c r="H26" s="59" t="s">
        <v>943</v>
      </c>
      <c r="I26" s="59" t="s">
        <v>944</v>
      </c>
      <c r="J26" s="58" t="s">
        <v>5</v>
      </c>
      <c r="K26" s="88" t="s">
        <v>945</v>
      </c>
      <c r="L26" s="54" t="s">
        <v>4</v>
      </c>
      <c r="M26" s="54" t="s">
        <v>4</v>
      </c>
      <c r="N26" s="70" t="s">
        <v>4</v>
      </c>
    </row>
    <row r="27" spans="1:14" s="72" customFormat="1" ht="192.6" customHeight="1">
      <c r="C27" s="48">
        <v>250</v>
      </c>
      <c r="D27" s="58" t="s">
        <v>126</v>
      </c>
      <c r="E27" s="51" t="s">
        <v>33</v>
      </c>
      <c r="F27" s="51" t="s">
        <v>987</v>
      </c>
      <c r="G27" s="52" t="s">
        <v>988</v>
      </c>
      <c r="H27" s="52" t="s">
        <v>4</v>
      </c>
      <c r="I27" s="52" t="s">
        <v>1013</v>
      </c>
      <c r="J27" s="51" t="s">
        <v>5</v>
      </c>
      <c r="K27" s="52" t="s">
        <v>996</v>
      </c>
      <c r="L27" s="89"/>
      <c r="M27" s="53" t="s">
        <v>989</v>
      </c>
      <c r="N27" s="53" t="s">
        <v>4</v>
      </c>
    </row>
    <row r="28" spans="1:14" s="72" customFormat="1" ht="409.2" customHeight="1">
      <c r="C28" s="48">
        <v>253</v>
      </c>
      <c r="D28" s="58" t="s">
        <v>0</v>
      </c>
      <c r="E28" s="51" t="s">
        <v>11</v>
      </c>
      <c r="F28" s="51" t="s">
        <v>1002</v>
      </c>
      <c r="G28" s="52" t="s">
        <v>1003</v>
      </c>
      <c r="H28" s="52" t="s">
        <v>4</v>
      </c>
      <c r="I28" s="52" t="s">
        <v>1009</v>
      </c>
      <c r="J28" s="51" t="s">
        <v>5</v>
      </c>
      <c r="K28" s="52" t="s">
        <v>4</v>
      </c>
      <c r="L28" s="53" t="s">
        <v>4</v>
      </c>
      <c r="M28" s="53" t="s">
        <v>4</v>
      </c>
      <c r="N28" s="53" t="s">
        <v>4</v>
      </c>
    </row>
    <row r="29" spans="1:14" s="72" customFormat="1" ht="409.6" customHeight="1">
      <c r="C29" s="48">
        <v>286</v>
      </c>
      <c r="D29" s="58" t="s">
        <v>0</v>
      </c>
      <c r="E29" s="51" t="s">
        <v>16</v>
      </c>
      <c r="F29" s="51" t="s">
        <v>1124</v>
      </c>
      <c r="G29" s="52" t="s">
        <v>1087</v>
      </c>
      <c r="H29" s="52" t="s">
        <v>4</v>
      </c>
      <c r="I29" s="52" t="s">
        <v>1127</v>
      </c>
      <c r="J29" s="51" t="s">
        <v>5</v>
      </c>
      <c r="K29" s="92" t="s">
        <v>1128</v>
      </c>
      <c r="L29" s="53" t="s">
        <v>4</v>
      </c>
      <c r="M29" s="53" t="s">
        <v>1088</v>
      </c>
      <c r="N29" s="53" t="s">
        <v>4</v>
      </c>
    </row>
    <row r="30" spans="1:14" s="72" customFormat="1" ht="256.2" customHeight="1">
      <c r="C30" s="48">
        <v>328</v>
      </c>
      <c r="D30" s="58" t="s">
        <v>0</v>
      </c>
      <c r="E30" s="51" t="s">
        <v>33</v>
      </c>
      <c r="F30" s="51" t="s">
        <v>1124</v>
      </c>
      <c r="G30" s="52" t="s">
        <v>1275</v>
      </c>
      <c r="H30" s="52" t="s">
        <v>4</v>
      </c>
      <c r="I30" s="52" t="s">
        <v>1277</v>
      </c>
      <c r="J30" s="51" t="s">
        <v>5</v>
      </c>
      <c r="K30" s="52" t="s">
        <v>1287</v>
      </c>
      <c r="L30" s="53" t="s">
        <v>4</v>
      </c>
      <c r="M30" s="53" t="s">
        <v>1276</v>
      </c>
      <c r="N30" s="53" t="s">
        <v>4</v>
      </c>
    </row>
    <row r="31" spans="1:14" s="72" customFormat="1" ht="256.2" customHeight="1">
      <c r="C31" s="48">
        <v>339</v>
      </c>
      <c r="D31" s="58" t="s">
        <v>0</v>
      </c>
      <c r="E31" s="51" t="s">
        <v>29</v>
      </c>
      <c r="F31" s="51" t="s">
        <v>1314</v>
      </c>
      <c r="G31" s="52" t="s">
        <v>764</v>
      </c>
      <c r="H31" s="52" t="s">
        <v>4</v>
      </c>
      <c r="I31" s="52" t="s">
        <v>1325</v>
      </c>
      <c r="J31" s="51" t="s">
        <v>5</v>
      </c>
      <c r="K31" s="52" t="s">
        <v>1315</v>
      </c>
      <c r="L31" s="53" t="s">
        <v>4</v>
      </c>
      <c r="M31" s="53" t="s">
        <v>1312</v>
      </c>
      <c r="N31" s="53" t="s">
        <v>4</v>
      </c>
    </row>
    <row r="32" spans="1:14" s="72" customFormat="1" ht="256.2" customHeight="1">
      <c r="C32" s="48">
        <v>344</v>
      </c>
      <c r="D32" s="58" t="s">
        <v>0</v>
      </c>
      <c r="E32" s="51" t="s">
        <v>266</v>
      </c>
      <c r="F32" s="51" t="s">
        <v>1316</v>
      </c>
      <c r="G32" s="52" t="s">
        <v>1313</v>
      </c>
      <c r="H32" s="52" t="s">
        <v>1324</v>
      </c>
      <c r="I32" s="52" t="s">
        <v>1326</v>
      </c>
      <c r="J32" s="51" t="s">
        <v>5</v>
      </c>
      <c r="K32" s="52" t="s">
        <v>1327</v>
      </c>
      <c r="L32" s="53" t="s">
        <v>4</v>
      </c>
      <c r="M32" s="53" t="s">
        <v>4</v>
      </c>
      <c r="N32" s="53" t="s">
        <v>4</v>
      </c>
    </row>
    <row r="33" spans="3:14" s="72" customFormat="1" ht="409.6" customHeight="1">
      <c r="C33" s="48">
        <v>351</v>
      </c>
      <c r="D33" s="58" t="s">
        <v>0</v>
      </c>
      <c r="E33" s="51" t="s">
        <v>11</v>
      </c>
      <c r="F33" s="51" t="s">
        <v>1314</v>
      </c>
      <c r="G33" s="52" t="s">
        <v>1361</v>
      </c>
      <c r="H33" s="52" t="s">
        <v>1364</v>
      </c>
      <c r="I33" s="52" t="s">
        <v>1365</v>
      </c>
      <c r="J33" s="51" t="s">
        <v>5</v>
      </c>
      <c r="K33" s="88" t="s">
        <v>1366</v>
      </c>
      <c r="L33" s="53" t="s">
        <v>1362</v>
      </c>
      <c r="M33" s="53" t="s">
        <v>1363</v>
      </c>
      <c r="N33" s="53" t="s">
        <v>4</v>
      </c>
    </row>
    <row r="34" spans="3:14" ht="154.19999999999999" customHeight="1">
      <c r="C34" s="48">
        <v>353</v>
      </c>
      <c r="D34" s="58" t="s">
        <v>126</v>
      </c>
      <c r="E34" s="58" t="s">
        <v>33</v>
      </c>
      <c r="F34" s="58" t="s">
        <v>1367</v>
      </c>
      <c r="G34" s="59" t="s">
        <v>1368</v>
      </c>
      <c r="H34" s="59" t="s">
        <v>1379</v>
      </c>
      <c r="I34" s="59" t="s">
        <v>1381</v>
      </c>
      <c r="J34" s="58" t="s">
        <v>5</v>
      </c>
      <c r="K34" s="59" t="s">
        <v>1383</v>
      </c>
      <c r="L34" s="54" t="s">
        <v>4</v>
      </c>
      <c r="M34" s="54" t="s">
        <v>1369</v>
      </c>
      <c r="N34" s="70" t="s">
        <v>4</v>
      </c>
    </row>
    <row r="35" spans="3:14" ht="168" customHeight="1">
      <c r="C35" s="48">
        <v>354</v>
      </c>
      <c r="D35" s="58" t="s">
        <v>0</v>
      </c>
      <c r="E35" s="58" t="s">
        <v>1</v>
      </c>
      <c r="F35" s="58" t="s">
        <v>129</v>
      </c>
      <c r="G35" s="59" t="s">
        <v>1197</v>
      </c>
      <c r="H35" s="59" t="s">
        <v>1380</v>
      </c>
      <c r="I35" s="59" t="s">
        <v>1382</v>
      </c>
      <c r="J35" s="58" t="s">
        <v>5</v>
      </c>
      <c r="K35" s="59" t="s">
        <v>1384</v>
      </c>
      <c r="L35" s="54" t="s">
        <v>1370</v>
      </c>
      <c r="M35" s="54" t="s">
        <v>4</v>
      </c>
      <c r="N35" s="70" t="s">
        <v>4</v>
      </c>
    </row>
    <row r="36" spans="3:14" ht="409.05" customHeight="1">
      <c r="C36" s="48">
        <v>356</v>
      </c>
      <c r="D36" s="58" t="s">
        <v>0</v>
      </c>
      <c r="E36" s="58" t="s">
        <v>1</v>
      </c>
      <c r="F36" s="58" t="s">
        <v>129</v>
      </c>
      <c r="G36" s="59" t="s">
        <v>1385</v>
      </c>
      <c r="H36" s="59" t="s">
        <v>4</v>
      </c>
      <c r="I36" s="59" t="s">
        <v>1390</v>
      </c>
      <c r="J36" s="58" t="s">
        <v>5</v>
      </c>
      <c r="K36" s="59" t="s">
        <v>4</v>
      </c>
      <c r="L36" s="54" t="s">
        <v>4</v>
      </c>
      <c r="M36" s="54" t="s">
        <v>1386</v>
      </c>
      <c r="N36" s="70" t="s">
        <v>4</v>
      </c>
    </row>
    <row r="37" spans="3:14" ht="409.6" customHeight="1">
      <c r="C37" s="48">
        <v>357</v>
      </c>
      <c r="D37" s="58" t="s">
        <v>126</v>
      </c>
      <c r="E37" s="58" t="s">
        <v>11</v>
      </c>
      <c r="F37" s="58" t="s">
        <v>129</v>
      </c>
      <c r="G37" s="59" t="s">
        <v>1387</v>
      </c>
      <c r="H37" s="59" t="s">
        <v>4</v>
      </c>
      <c r="I37" s="69" t="s">
        <v>1392</v>
      </c>
      <c r="J37" s="58" t="s">
        <v>5</v>
      </c>
      <c r="K37" s="59" t="s">
        <v>1391</v>
      </c>
      <c r="L37" s="54" t="s">
        <v>1388</v>
      </c>
      <c r="M37" s="54" t="s">
        <v>1389</v>
      </c>
      <c r="N37" s="70" t="s">
        <v>4</v>
      </c>
    </row>
    <row r="38" spans="3:14" ht="307.8" customHeight="1">
      <c r="C38" s="48">
        <v>358</v>
      </c>
      <c r="D38" s="58" t="s">
        <v>0</v>
      </c>
      <c r="E38" s="58" t="s">
        <v>11</v>
      </c>
      <c r="F38" s="58" t="s">
        <v>1396</v>
      </c>
      <c r="G38" s="52" t="s">
        <v>1397</v>
      </c>
      <c r="H38" s="52" t="s">
        <v>4</v>
      </c>
      <c r="I38" s="52" t="s">
        <v>1404</v>
      </c>
      <c r="J38" s="58" t="s">
        <v>5</v>
      </c>
      <c r="K38" s="52" t="s">
        <v>1406</v>
      </c>
      <c r="L38" s="53" t="s">
        <v>4</v>
      </c>
      <c r="M38" s="53" t="s">
        <v>1398</v>
      </c>
      <c r="N38" s="53" t="s">
        <v>4</v>
      </c>
    </row>
    <row r="39" spans="3:14" ht="354" customHeight="1">
      <c r="C39" s="48">
        <v>359</v>
      </c>
      <c r="D39" s="58" t="s">
        <v>0</v>
      </c>
      <c r="E39" s="58" t="s">
        <v>33</v>
      </c>
      <c r="F39" s="58" t="s">
        <v>129</v>
      </c>
      <c r="G39" s="52" t="s">
        <v>1399</v>
      </c>
      <c r="H39" s="52" t="s">
        <v>4</v>
      </c>
      <c r="I39" s="52" t="s">
        <v>1405</v>
      </c>
      <c r="J39" s="58" t="s">
        <v>5</v>
      </c>
      <c r="K39" s="52" t="s">
        <v>1407</v>
      </c>
      <c r="L39" s="53" t="s">
        <v>4</v>
      </c>
      <c r="M39" s="53" t="s">
        <v>1400</v>
      </c>
      <c r="N39" s="53" t="s">
        <v>4</v>
      </c>
    </row>
    <row r="40" spans="3:14" ht="95.4" customHeight="1">
      <c r="C40" s="48">
        <v>368</v>
      </c>
      <c r="D40" s="58" t="s">
        <v>1023</v>
      </c>
      <c r="E40" s="58" t="s">
        <v>33</v>
      </c>
      <c r="F40" s="58" t="s">
        <v>1468</v>
      </c>
      <c r="G40" s="52" t="s">
        <v>1469</v>
      </c>
      <c r="H40" s="52" t="s">
        <v>1470</v>
      </c>
      <c r="I40" s="52" t="s">
        <v>1471</v>
      </c>
      <c r="J40" s="58" t="s">
        <v>5</v>
      </c>
      <c r="K40" s="52" t="s">
        <v>1472</v>
      </c>
      <c r="L40" s="53" t="s">
        <v>4</v>
      </c>
      <c r="M40" s="53" t="s">
        <v>4</v>
      </c>
      <c r="N40" s="53" t="s">
        <v>4</v>
      </c>
    </row>
    <row r="41" spans="3:14" ht="236.4" customHeight="1">
      <c r="C41" s="48">
        <v>385</v>
      </c>
      <c r="D41" s="58" t="s">
        <v>0</v>
      </c>
      <c r="E41" s="58" t="s">
        <v>11</v>
      </c>
      <c r="F41" s="58" t="s">
        <v>129</v>
      </c>
      <c r="G41" s="52" t="s">
        <v>1494</v>
      </c>
      <c r="H41" s="52" t="s">
        <v>4</v>
      </c>
      <c r="I41" s="52" t="s">
        <v>1496</v>
      </c>
      <c r="J41" s="58" t="s">
        <v>5</v>
      </c>
      <c r="K41" s="52" t="s">
        <v>1497</v>
      </c>
      <c r="L41" s="53" t="s">
        <v>1495</v>
      </c>
      <c r="M41" s="53" t="s">
        <v>4</v>
      </c>
      <c r="N41" s="53" t="s">
        <v>4</v>
      </c>
    </row>
    <row r="42" spans="3:14" ht="409.6" customHeight="1">
      <c r="C42" s="48">
        <v>387</v>
      </c>
      <c r="D42" s="58" t="s">
        <v>0</v>
      </c>
      <c r="E42" s="58" t="s">
        <v>11</v>
      </c>
      <c r="F42" s="58" t="s">
        <v>129</v>
      </c>
      <c r="G42" s="52" t="s">
        <v>1503</v>
      </c>
      <c r="H42" s="52" t="s">
        <v>1504</v>
      </c>
      <c r="I42" s="99" t="s">
        <v>1508</v>
      </c>
      <c r="J42" s="58" t="s">
        <v>5</v>
      </c>
      <c r="K42" s="88" t="s">
        <v>1507</v>
      </c>
      <c r="L42" s="53" t="s">
        <v>1505</v>
      </c>
      <c r="M42" s="53" t="s">
        <v>1506</v>
      </c>
      <c r="N42" s="53" t="s">
        <v>4</v>
      </c>
    </row>
  </sheetData>
  <autoFilter ref="C4:N28"/>
  <phoneticPr fontId="1"/>
  <pageMargins left="0.70866141732283472" right="0.70866141732283472" top="0.74803149606299213" bottom="0.74803149606299213" header="0.31496062992125984" footer="0.31496062992125984"/>
  <pageSetup paperSize="8" scale="20" fitToHeight="0" orientation="landscape" r:id="rId1"/>
  <ignoredErrors>
    <ignoredError sqref="L7" numberStoredAsText="1"/>
  </ignoredError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4</vt:i4>
      </vt:variant>
    </vt:vector>
  </HeadingPairs>
  <TitlesOfParts>
    <vt:vector size="6" baseType="lpstr">
      <vt:lpstr>運動系</vt:lpstr>
      <vt:lpstr>文化系</vt:lpstr>
      <vt:lpstr>運動系!Print_Area</vt:lpstr>
      <vt:lpstr>文化系!Print_Area</vt:lpstr>
      <vt:lpstr>運動系!Print_Titles</vt:lpstr>
      <vt:lpstr>文化系!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0-22T00:11:13Z</cp:lastPrinted>
  <dcterms:created xsi:type="dcterms:W3CDTF">2024-02-26T07:13:22Z</dcterms:created>
  <dcterms:modified xsi:type="dcterms:W3CDTF">2025-10-22T00:11:16Z</dcterms:modified>
</cp:coreProperties>
</file>